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jpeg" ContentType="image/jpeg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5" rupBuild="27928"/>
  <workbookPr filterPrivacy="1" codeName="ThisWorkbook"/>
  <xr:revisionPtr revIDLastSave="0" documentId="13_ncr:11_{2DB20581-F4C2-4F32-B54B-66248E2CE2D3}" xr6:coauthVersionLast="47" xr6:coauthVersionMax="47" xr10:uidLastSave="{00000000-0000-0000-0000-000000000000}"/>
  <bookViews>
    <workbookView xWindow="31410" yWindow="1065" windowWidth="17430" windowHeight="15855" activeTab="1" xr2:uid="{00000000-000D-0000-FFFF-FFFF00000000}"/>
  </bookViews>
  <sheets>
    <sheet name="MP-süsteem_Kinnistu" sheetId="1" r:id="rId1"/>
    <sheet name="Kinnistu_MP-süsteem" sheetId="2" r:id="rId2"/>
  </sheets>
  <definedNames>
    <definedName name="_Hlk204613098" localSheetId="1">'Kinnistu_MP-süsteem'!#REF!</definedName>
    <definedName name="_Hlk204613098" localSheetId="0">'MP-süsteem_Kinnistu'!$B$7</definedName>
    <definedName name="_Hlk204613403" localSheetId="1">'Kinnistu_MP-süsteem'!$E$3</definedName>
    <definedName name="_Hlk204613403" localSheetId="0">'MP-süsteem_Kinnistu'!$E$3</definedName>
  </definedNames>
  <calcPr calcId="191028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B93" i="2" l="1"/>
  <c r="B94" i="2" s="1"/>
  <c r="B95" i="2" s="1"/>
  <c r="B96" i="2" s="1"/>
  <c r="B91" i="2"/>
  <c r="B88" i="2"/>
  <c r="B86" i="2"/>
  <c r="B77" i="2"/>
  <c r="B78" i="2" s="1"/>
  <c r="B79" i="2" s="1"/>
  <c r="B80" i="2" s="1"/>
  <c r="B81" i="2" s="1"/>
  <c r="B82" i="2" s="1"/>
  <c r="B83" i="2" s="1"/>
  <c r="B84" i="2" s="1"/>
  <c r="B69" i="2"/>
  <c r="B70" i="2" s="1"/>
  <c r="B71" i="2" s="1"/>
  <c r="B72" i="2" s="1"/>
  <c r="B73" i="2" s="1"/>
  <c r="B74" i="2" s="1"/>
  <c r="B75" i="2" s="1"/>
  <c r="B53" i="2"/>
  <c r="B54" i="2"/>
  <c r="B55" i="2" s="1"/>
  <c r="B56" i="2" s="1"/>
  <c r="B57" i="2" s="1"/>
  <c r="B58" i="2" s="1"/>
  <c r="B59" i="2" s="1"/>
  <c r="B60" i="2" s="1"/>
  <c r="B61" i="2" s="1"/>
  <c r="B63" i="2" s="1"/>
  <c r="B64" i="2" s="1"/>
  <c r="B65" i="2" s="1"/>
  <c r="B66" i="2" s="1"/>
  <c r="B67" i="2" s="1"/>
  <c r="B50" i="2"/>
  <c r="B51" i="2"/>
  <c r="B49" i="2"/>
</calcChain>
</file>

<file path=xl/sharedStrings.xml><?xml version="1.0" encoding="utf-8"?>
<sst xmlns="http://schemas.openxmlformats.org/spreadsheetml/2006/main" count="358" uniqueCount="159">
  <si>
    <t xml:space="preserve">Jrk nr </t>
  </si>
  <si>
    <t>Maaparandusssüsteemi kood</t>
  </si>
  <si>
    <t>Maaparandusehitise kood ja nimetus</t>
  </si>
  <si>
    <t xml:space="preserve">Kinnistu nr </t>
  </si>
  <si>
    <t>Lähiaadress</t>
  </si>
  <si>
    <t>.</t>
  </si>
  <si>
    <t>001 Saapasoo MK</t>
  </si>
  <si>
    <t>93001:001:0061</t>
  </si>
  <si>
    <t>Vändra metskond 6</t>
  </si>
  <si>
    <t>001 Tootsi MK</t>
  </si>
  <si>
    <t>63801:001:0577</t>
  </si>
  <si>
    <t>93001:002:0182</t>
  </si>
  <si>
    <t>93001:002:0181</t>
  </si>
  <si>
    <t>63801:001:0837</t>
  </si>
  <si>
    <t>Vändra metskond 35</t>
  </si>
  <si>
    <t>003 Kingu(TP-565)</t>
  </si>
  <si>
    <t>80901:001:0541</t>
  </si>
  <si>
    <t>Vennametsa</t>
  </si>
  <si>
    <t>14902:002:0183</t>
  </si>
  <si>
    <t>80901:001:1764</t>
  </si>
  <si>
    <t>80901:001:0858</t>
  </si>
  <si>
    <t>80901:001:0891</t>
  </si>
  <si>
    <t>80901:001:0892</t>
  </si>
  <si>
    <t>80901:001:0850</t>
  </si>
  <si>
    <t>80901:001:0860</t>
  </si>
  <si>
    <t>80901:001:0856</t>
  </si>
  <si>
    <t>80901:001:1771</t>
  </si>
  <si>
    <t>80901:001:1765</t>
  </si>
  <si>
    <t>80901:001:1821</t>
  </si>
  <si>
    <t>80801:001:0691</t>
  </si>
  <si>
    <t>80901:001:1018</t>
  </si>
  <si>
    <t>80901:001:0855</t>
  </si>
  <si>
    <t>80901:001:1773</t>
  </si>
  <si>
    <t>80901:001:0859</t>
  </si>
  <si>
    <t>80801:001:0337</t>
  </si>
  <si>
    <t>80901:001:0888</t>
  </si>
  <si>
    <t>80801:001:0692</t>
  </si>
  <si>
    <t>80801:002:0234</t>
  </si>
  <si>
    <t>80901:001:1822</t>
  </si>
  <si>
    <t>80901:001:1017</t>
  </si>
  <si>
    <t>Tootsi alev</t>
  </si>
  <si>
    <t>Lõõbase</t>
  </si>
  <si>
    <t>Koidumetsa</t>
  </si>
  <si>
    <t>Murru</t>
  </si>
  <si>
    <t>Taali metskond 21</t>
  </si>
  <si>
    <t>Rapla-Pärnu raudtee 419</t>
  </si>
  <si>
    <t>Rapla-Pärnu raudtee 421</t>
  </si>
  <si>
    <t>Rapla-Pärnu raudtee 424</t>
  </si>
  <si>
    <t>Rapla-Pärnu raudtee 425</t>
  </si>
  <si>
    <t>Rapla-Pärnu raudtee 431</t>
  </si>
  <si>
    <t>Rapla-Pärnu raudtee 510</t>
  </si>
  <si>
    <t>Rapla-Pärnu raudtee 520</t>
  </si>
  <si>
    <t>Rapla-Pärnu raudtee 620</t>
  </si>
  <si>
    <t>Taali metskond 122</t>
  </si>
  <si>
    <t>Taali metskond 46</t>
  </si>
  <si>
    <t>Metsa</t>
  </si>
  <si>
    <t>Kivinurga</t>
  </si>
  <si>
    <t>Pikasilla</t>
  </si>
  <si>
    <t>Murrometsa</t>
  </si>
  <si>
    <t>Taali metskond 87</t>
  </si>
  <si>
    <t>Taali metskond 123</t>
  </si>
  <si>
    <t>Taali metskond 119</t>
  </si>
  <si>
    <t>Tuisu</t>
  </si>
  <si>
    <t>Tuulemetsa</t>
  </si>
  <si>
    <t>002 Murru(PÜ-55)</t>
  </si>
  <si>
    <t>80901:001:1022</t>
  </si>
  <si>
    <t>Taali metskond 66</t>
  </si>
  <si>
    <t>80601:001:0064</t>
  </si>
  <si>
    <t>Taali metskond 53</t>
  </si>
  <si>
    <t>80901:001:1023</t>
  </si>
  <si>
    <t>Lepplaane liivakarjäär</t>
  </si>
  <si>
    <t>001 Murru(PÜ-55)</t>
  </si>
  <si>
    <t>73001:007:0239</t>
  </si>
  <si>
    <t>Taali metskond 54</t>
  </si>
  <si>
    <t>001 Kilksama(PÜ-521)</t>
  </si>
  <si>
    <t>80901:001:0748</t>
  </si>
  <si>
    <t>Rapla-Pärnu raudtee 349</t>
  </si>
  <si>
    <t>80901:001:0747</t>
  </si>
  <si>
    <t>Haavametsa</t>
  </si>
  <si>
    <t>80901:001:0746</t>
  </si>
  <si>
    <t>Sarapuu</t>
  </si>
  <si>
    <t>73001:007:0240</t>
  </si>
  <si>
    <t>Taali metskond 56</t>
  </si>
  <si>
    <t>80901:001:0755</t>
  </si>
  <si>
    <t>Rapla-Pärnu raudtee 346</t>
  </si>
  <si>
    <t>80901:001:0758</t>
  </si>
  <si>
    <t>Rapla-Pärnu raudtee 347</t>
  </si>
  <si>
    <t>80601:001:0005</t>
  </si>
  <si>
    <t>Rapla-Pärnu raudtee 1030</t>
  </si>
  <si>
    <t>80601:001:0009</t>
  </si>
  <si>
    <t>Rapla-Pärnu raudtee 1040</t>
  </si>
  <si>
    <t>80601:001:0006</t>
  </si>
  <si>
    <t>Metsakääru</t>
  </si>
  <si>
    <t>80901:001:0756</t>
  </si>
  <si>
    <t>Otti</t>
  </si>
  <si>
    <t>80601:001:0008</t>
  </si>
  <si>
    <t>Kääranurga</t>
  </si>
  <si>
    <t>73001:002:0162</t>
  </si>
  <si>
    <t>Uue-Raja</t>
  </si>
  <si>
    <t>002 Kilksama(PÜ-521)</t>
  </si>
  <si>
    <t>80901:001:0751</t>
  </si>
  <si>
    <t>Rapla-Pärnu raudtee 345</t>
  </si>
  <si>
    <t>80901:001:0878</t>
  </si>
  <si>
    <t>Taali metskond 57</t>
  </si>
  <si>
    <t>80901:001:1844</t>
  </si>
  <si>
    <t>Paplimetsa</t>
  </si>
  <si>
    <t>73001:002:0008</t>
  </si>
  <si>
    <t>Oti tee 33</t>
  </si>
  <si>
    <t>80901:001:0040</t>
  </si>
  <si>
    <t>Oti tee 35</t>
  </si>
  <si>
    <t>005 Kõduküla</t>
  </si>
  <si>
    <t>80901:001:1848</t>
  </si>
  <si>
    <t>Rapla-Pärnu raudtee 1120</t>
  </si>
  <si>
    <t>80901:001:0723</t>
  </si>
  <si>
    <t>Rapla-Pärnu raudtee 343</t>
  </si>
  <si>
    <t>80901:001:1847</t>
  </si>
  <si>
    <t>Rapla-Pärnu raudtee 1110</t>
  </si>
  <si>
    <t>80901:001:1851</t>
  </si>
  <si>
    <t>Rapla-Pärnu raudtee 1130</t>
  </si>
  <si>
    <t>80901:001:1849</t>
  </si>
  <si>
    <t>Orupõllu</t>
  </si>
  <si>
    <t>80901:001:1850</t>
  </si>
  <si>
    <t>Oru</t>
  </si>
  <si>
    <t>80901:001:1853</t>
  </si>
  <si>
    <t>001 Margu</t>
  </si>
  <si>
    <t>80901:001:1855</t>
  </si>
  <si>
    <t>Rapla-Pärnu raudtee 1150</t>
  </si>
  <si>
    <t>80901:001:0763</t>
  </si>
  <si>
    <t>Rapla-Pärnu raudtee 338</t>
  </si>
  <si>
    <t>80901:001:1854</t>
  </si>
  <si>
    <t>Põllu</t>
  </si>
  <si>
    <t>80901:001:1856</t>
  </si>
  <si>
    <t>Põldmetsa</t>
  </si>
  <si>
    <t>80901:001:0762</t>
  </si>
  <si>
    <t>Väike-Kasela</t>
  </si>
  <si>
    <t>80901:018:6574</t>
  </si>
  <si>
    <t>Kasela</t>
  </si>
  <si>
    <t>80901:001:0327</t>
  </si>
  <si>
    <t>Margupõllu</t>
  </si>
  <si>
    <t>001 Piiri(PÜ-200)</t>
  </si>
  <si>
    <t>80901:001:1718</t>
  </si>
  <si>
    <t>Taali metskond 55</t>
  </si>
  <si>
    <t>80901:001:1711</t>
  </si>
  <si>
    <t>Surju metskond 48</t>
  </si>
  <si>
    <t>001 Otsa</t>
  </si>
  <si>
    <t>80901:001:1834</t>
  </si>
  <si>
    <t>Otsa</t>
  </si>
  <si>
    <t xml:space="preserve">001 Pikanõmme(PÜ-38) </t>
  </si>
  <si>
    <t>73001:008:1739</t>
  </si>
  <si>
    <t>Surju metskond 49</t>
  </si>
  <si>
    <t>73001:008:0603</t>
  </si>
  <si>
    <t>Männiku</t>
  </si>
  <si>
    <t>73001:008:0601</t>
  </si>
  <si>
    <t>Sepa</t>
  </si>
  <si>
    <t>62401:001:3261</t>
  </si>
  <si>
    <t>Tammiste raudtee T11</t>
  </si>
  <si>
    <t>80901:018:6539</t>
  </si>
  <si>
    <t xml:space="preserve">Juurdepääsutee lõik </t>
  </si>
  <si>
    <t xml:space="preserve">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5" x14ac:knownFonts="1">
    <font>
      <sz val="10"/>
      <name val="Arial"/>
    </font>
    <font>
      <sz val="10"/>
      <name val="Arial"/>
      <family val="2"/>
      <charset val="186"/>
    </font>
    <font>
      <sz val="10"/>
      <color rgb="FF000000"/>
      <name val="Arial"/>
      <family val="2"/>
      <charset val="186"/>
    </font>
    <font>
      <sz val="10"/>
      <color rgb="FFFF0000"/>
      <name val="Arial"/>
      <family val="2"/>
      <charset val="186"/>
    </font>
    <font>
      <b/>
      <sz val="10"/>
      <name val="Arial"/>
      <family val="2"/>
      <charset val="186"/>
    </font>
  </fonts>
  <fills count="3">
    <fill>
      <patternFill patternType="none"/>
    </fill>
    <fill>
      <patternFill patternType="gray125"/>
    </fill>
    <fill>
      <patternFill patternType="solid">
        <fgColor theme="4" tint="0.79998168889431442"/>
        <bgColor indexed="64"/>
      </patternFill>
    </fill>
  </fills>
  <borders count="6">
    <border>
      <left/>
      <right/>
      <top/>
      <bottom/>
      <diagonal/>
    </border>
    <border>
      <left/>
      <right/>
      <top/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</borders>
  <cellStyleXfs count="1">
    <xf numFmtId="0" fontId="0" fillId="0" borderId="0"/>
  </cellStyleXfs>
  <cellXfs count="36">
    <xf numFmtId="0" fontId="0" fillId="0" borderId="0" xfId="0"/>
    <xf numFmtId="0" fontId="0" fillId="0" borderId="0" xfId="0" applyAlignment="1">
      <alignment horizontal="left" vertical="top" indent="1"/>
    </xf>
    <xf numFmtId="1" fontId="2" fillId="0" borderId="0" xfId="0" applyNumberFormat="1" applyFont="1" applyAlignment="1">
      <alignment horizontal="left" vertical="top" indent="1"/>
    </xf>
    <xf numFmtId="1" fontId="0" fillId="0" borderId="0" xfId="0" applyNumberFormat="1" applyAlignment="1">
      <alignment horizontal="left" vertical="top" indent="1"/>
    </xf>
    <xf numFmtId="0" fontId="2" fillId="0" borderId="0" xfId="0" applyFont="1" applyAlignment="1">
      <alignment horizontal="left" vertical="top" indent="1"/>
    </xf>
    <xf numFmtId="1" fontId="0" fillId="0" borderId="0" xfId="0" applyNumberFormat="1" applyAlignment="1">
      <alignment horizontal="left" vertical="top" indent="2"/>
    </xf>
    <xf numFmtId="0" fontId="1" fillId="0" borderId="0" xfId="0" applyFont="1" applyAlignment="1">
      <alignment horizontal="left" vertical="top" indent="1"/>
    </xf>
    <xf numFmtId="0" fontId="0" fillId="0" borderId="0" xfId="0" applyAlignment="1">
      <alignment horizontal="left" vertical="top" indent="2"/>
    </xf>
    <xf numFmtId="0" fontId="0" fillId="2" borderId="1" xfId="0" applyFill="1" applyBorder="1" applyAlignment="1">
      <alignment horizontal="left" vertical="top" indent="1"/>
    </xf>
    <xf numFmtId="0" fontId="3" fillId="0" borderId="0" xfId="0" applyFont="1" applyAlignment="1">
      <alignment horizontal="left" vertical="top" indent="1"/>
    </xf>
    <xf numFmtId="0" fontId="2" fillId="0" borderId="2" xfId="0" applyFont="1" applyBorder="1" applyAlignment="1">
      <alignment horizontal="left" vertical="top" indent="1"/>
    </xf>
    <xf numFmtId="1" fontId="2" fillId="0" borderId="2" xfId="0" applyNumberFormat="1" applyFont="1" applyBorder="1" applyAlignment="1">
      <alignment horizontal="left" vertical="top" indent="1"/>
    </xf>
    <xf numFmtId="1" fontId="0" fillId="0" borderId="2" xfId="0" applyNumberFormat="1" applyBorder="1" applyAlignment="1">
      <alignment horizontal="left" vertical="top" indent="1"/>
    </xf>
    <xf numFmtId="0" fontId="0" fillId="0" borderId="2" xfId="0" applyBorder="1" applyAlignment="1">
      <alignment horizontal="left" vertical="top" indent="1"/>
    </xf>
    <xf numFmtId="0" fontId="1" fillId="0" borderId="2" xfId="0" applyFont="1" applyBorder="1" applyAlignment="1">
      <alignment horizontal="left" vertical="top" indent="1"/>
    </xf>
    <xf numFmtId="1" fontId="0" fillId="0" borderId="2" xfId="0" applyNumberFormat="1" applyBorder="1" applyAlignment="1">
      <alignment horizontal="left" vertical="top" indent="2"/>
    </xf>
    <xf numFmtId="0" fontId="0" fillId="0" borderId="2" xfId="0" applyBorder="1" applyAlignment="1">
      <alignment horizontal="left" vertical="top" indent="2"/>
    </xf>
    <xf numFmtId="0" fontId="3" fillId="0" borderId="2" xfId="0" applyFont="1" applyBorder="1" applyAlignment="1">
      <alignment horizontal="left" vertical="top" indent="1"/>
    </xf>
    <xf numFmtId="0" fontId="2" fillId="0" borderId="2" xfId="0" applyFont="1" applyBorder="1" applyAlignment="1">
      <alignment horizontal="right" vertical="top" indent="1"/>
    </xf>
    <xf numFmtId="0" fontId="0" fillId="0" borderId="2" xfId="0" applyBorder="1" applyAlignment="1">
      <alignment horizontal="right" vertical="top" indent="1"/>
    </xf>
    <xf numFmtId="0" fontId="2" fillId="0" borderId="0" xfId="0" applyFont="1" applyAlignment="1">
      <alignment horizontal="right" vertical="top" indent="1"/>
    </xf>
    <xf numFmtId="0" fontId="1" fillId="0" borderId="0" xfId="0" applyFont="1" applyAlignment="1">
      <alignment horizontal="right" vertical="top" indent="1"/>
    </xf>
    <xf numFmtId="0" fontId="0" fillId="0" borderId="0" xfId="0" applyAlignment="1">
      <alignment horizontal="right" vertical="top" indent="1"/>
    </xf>
    <xf numFmtId="0" fontId="2" fillId="0" borderId="3" xfId="0" applyFont="1" applyBorder="1" applyAlignment="1">
      <alignment horizontal="left" vertical="top" indent="1"/>
    </xf>
    <xf numFmtId="0" fontId="2" fillId="0" borderId="4" xfId="0" applyFont="1" applyBorder="1" applyAlignment="1">
      <alignment horizontal="left" vertical="top" indent="1"/>
    </xf>
    <xf numFmtId="0" fontId="2" fillId="0" borderId="5" xfId="0" applyFont="1" applyBorder="1" applyAlignment="1">
      <alignment horizontal="left" vertical="top" indent="1"/>
    </xf>
    <xf numFmtId="0" fontId="2" fillId="0" borderId="3" xfId="0" applyFont="1" applyBorder="1" applyAlignment="1">
      <alignment horizontal="right" vertical="top" indent="1"/>
    </xf>
    <xf numFmtId="0" fontId="2" fillId="0" borderId="4" xfId="0" applyFont="1" applyBorder="1" applyAlignment="1">
      <alignment horizontal="right" vertical="top" indent="1"/>
    </xf>
    <xf numFmtId="0" fontId="2" fillId="0" borderId="5" xfId="0" applyFont="1" applyBorder="1" applyAlignment="1">
      <alignment horizontal="right" vertical="top" indent="1"/>
    </xf>
    <xf numFmtId="0" fontId="0" fillId="0" borderId="3" xfId="0" applyBorder="1" applyAlignment="1">
      <alignment horizontal="right" vertical="top" indent="1"/>
    </xf>
    <xf numFmtId="0" fontId="0" fillId="0" borderId="5" xfId="0" applyBorder="1" applyAlignment="1">
      <alignment horizontal="right" vertical="top" indent="1"/>
    </xf>
    <xf numFmtId="1" fontId="2" fillId="0" borderId="3" xfId="0" applyNumberFormat="1" applyFont="1" applyBorder="1" applyAlignment="1">
      <alignment horizontal="left" vertical="top" indent="1"/>
    </xf>
    <xf numFmtId="1" fontId="2" fillId="0" borderId="5" xfId="0" applyNumberFormat="1" applyFont="1" applyBorder="1" applyAlignment="1">
      <alignment horizontal="left" vertical="top" indent="1"/>
    </xf>
    <xf numFmtId="1" fontId="2" fillId="0" borderId="4" xfId="0" applyNumberFormat="1" applyFont="1" applyBorder="1" applyAlignment="1">
      <alignment horizontal="left" vertical="top" indent="1"/>
    </xf>
    <xf numFmtId="0" fontId="4" fillId="2" borderId="2" xfId="0" applyFont="1" applyFill="1" applyBorder="1" applyAlignment="1">
      <alignment horizontal="center" vertical="top"/>
    </xf>
    <xf numFmtId="0" fontId="4" fillId="2" borderId="2" xfId="0" applyFont="1" applyFill="1" applyBorder="1" applyAlignment="1">
      <alignment horizontal="left" vertical="top" indent="1"/>
    </xf>
  </cellXfs>
  <cellStyles count="1">
    <cellStyle name="Normal" xfId="0" builtinId="0"/>
  </cellStyles>
  <dxfs count="0"/>
  <tableStyles count="1" defaultTableStyle="TableStyleMedium9" defaultPivotStyle="PivotStyleLight16">
    <tableStyle name="Invisible" pivot="0" table="0" count="0" xr9:uid="{D33252FE-BDA9-4137-B797-234633655F4A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theme" Target="theme/theme1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alcChain" Target="calcChain.xml"/><Relationship Id="rId11" Type="http://schemas.openxmlformats.org/officeDocument/2006/relationships/customXml" Target="../customXml/item5.xml"/><Relationship Id="rId5" Type="http://schemas.openxmlformats.org/officeDocument/2006/relationships/sharedStrings" Target="sharedStrings.xml"/><Relationship Id="rId10" Type="http://schemas.openxmlformats.org/officeDocument/2006/relationships/customXml" Target="../customXml/item4.xml"/><Relationship Id="rId4" Type="http://schemas.openxmlformats.org/officeDocument/2006/relationships/styles" Target="styles.xml"/><Relationship Id="rId9" Type="http://schemas.openxmlformats.org/officeDocument/2006/relationships/customXml" Target="../customXml/item3.xml"/></Relationships>
</file>

<file path=xl/drawings/_rels/vmlDrawing1.v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image" Target="../media/image1.jpeg"/></Relationships>
</file>

<file path=xl/drawings/_rels/vmlDrawing2.v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image" Target="../media/image1.jpeg"/></Relationships>
</file>

<file path=xl/theme/theme1.xml><?xml version="1.0" encoding="utf-8"?>
<a:theme xmlns:a="http://schemas.openxmlformats.org/drawingml/2006/main" name="Office Theme">
  <a:themeElements>
    <a:clrScheme name="Sweco">
      <a:dk1>
        <a:sysClr val="windowText" lastClr="000000"/>
      </a:dk1>
      <a:lt1>
        <a:srgbClr val="FFFFFF"/>
      </a:lt1>
      <a:dk2>
        <a:srgbClr val="111111"/>
      </a:dk2>
      <a:lt2>
        <a:srgbClr val="F2F2F2"/>
      </a:lt2>
      <a:accent1>
        <a:srgbClr val="3F6730"/>
      </a:accent1>
      <a:accent2>
        <a:srgbClr val="BDE3AF"/>
      </a:accent2>
      <a:accent3>
        <a:srgbClr val="87BE73"/>
      </a:accent3>
      <a:accent4>
        <a:srgbClr val="111111"/>
      </a:accent4>
      <a:accent5>
        <a:srgbClr val="E1E1E1"/>
      </a:accent5>
      <a:accent6>
        <a:srgbClr val="B2B2B2"/>
      </a:accent6>
      <a:hlink>
        <a:srgbClr val="3F6730"/>
      </a:hlink>
      <a:folHlink>
        <a:srgbClr val="B2B2B2"/>
      </a:folHlink>
    </a:clrScheme>
    <a:fontScheme name="Sweco - Wor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vmlDrawing" Target="../drawings/vmlDrawing1.vml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vmlDrawing" Target="../drawings/vmlDrawing2.vml"/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 codeName="Blad1">
    <tabColor rgb="FFFFC000"/>
  </sheetPr>
  <dimension ref="A2:I100"/>
  <sheetViews>
    <sheetView zoomScaleNormal="100" zoomScalePageLayoutView="145" workbookViewId="0">
      <pane ySplit="765" activePane="bottomLeft"/>
      <selection activeCell="D2" sqref="D2"/>
      <selection pane="bottomLeft" activeCell="L19" sqref="L19"/>
    </sheetView>
  </sheetViews>
  <sheetFormatPr defaultRowHeight="12.75" x14ac:dyDescent="0.2"/>
  <cols>
    <col min="1" max="2" width="9.140625" style="1"/>
    <col min="3" max="3" width="27.5703125" style="1" customWidth="1"/>
    <col min="4" max="4" width="35.42578125" style="1" customWidth="1"/>
    <col min="5" max="5" width="17.7109375" style="1" customWidth="1"/>
    <col min="6" max="6" width="19" style="1" customWidth="1"/>
  </cols>
  <sheetData>
    <row r="2" spans="2:9" x14ac:dyDescent="0.2">
      <c r="B2" s="8" t="s">
        <v>0</v>
      </c>
      <c r="C2" s="8" t="s">
        <v>1</v>
      </c>
      <c r="D2" s="8" t="s">
        <v>2</v>
      </c>
      <c r="E2" s="8" t="s">
        <v>3</v>
      </c>
      <c r="F2" s="8" t="s">
        <v>4</v>
      </c>
      <c r="G2" t="s">
        <v>5</v>
      </c>
    </row>
    <row r="3" spans="2:9" x14ac:dyDescent="0.2">
      <c r="B3" s="4">
        <v>1</v>
      </c>
      <c r="C3" s="2">
        <v>6114930020020</v>
      </c>
      <c r="D3" s="4" t="s">
        <v>6</v>
      </c>
      <c r="E3" s="4" t="s">
        <v>7</v>
      </c>
      <c r="F3" s="4" t="s">
        <v>8</v>
      </c>
      <c r="G3" s="1"/>
      <c r="H3" s="1"/>
      <c r="I3" s="1"/>
    </row>
    <row r="4" spans="2:9" x14ac:dyDescent="0.2">
      <c r="B4" s="4"/>
      <c r="C4" s="3"/>
      <c r="G4" s="1"/>
      <c r="H4" s="1"/>
      <c r="I4" s="1"/>
    </row>
    <row r="5" spans="2:9" x14ac:dyDescent="0.2">
      <c r="B5" s="4">
        <v>2</v>
      </c>
      <c r="C5" s="2">
        <v>6114910020070</v>
      </c>
      <c r="D5" s="4" t="s">
        <v>6</v>
      </c>
      <c r="E5" s="4" t="s">
        <v>7</v>
      </c>
      <c r="F5" s="4" t="s">
        <v>8</v>
      </c>
      <c r="G5" s="1"/>
      <c r="H5" s="1"/>
      <c r="I5" s="1"/>
    </row>
    <row r="6" spans="2:9" x14ac:dyDescent="0.2">
      <c r="B6" s="4"/>
      <c r="C6" s="3"/>
      <c r="G6" s="1"/>
      <c r="H6" s="1"/>
      <c r="I6" s="1"/>
    </row>
    <row r="7" spans="2:9" x14ac:dyDescent="0.2">
      <c r="B7" s="4">
        <v>3</v>
      </c>
      <c r="C7" s="2">
        <v>6114910020071</v>
      </c>
      <c r="D7" s="4" t="s">
        <v>9</v>
      </c>
      <c r="E7" s="4" t="s">
        <v>7</v>
      </c>
      <c r="F7" s="4" t="s">
        <v>8</v>
      </c>
      <c r="G7" s="1"/>
      <c r="H7" s="1"/>
      <c r="I7" s="1"/>
    </row>
    <row r="8" spans="2:9" x14ac:dyDescent="0.2">
      <c r="C8" s="3"/>
      <c r="E8" s="4" t="s">
        <v>10</v>
      </c>
      <c r="F8" s="4" t="s">
        <v>40</v>
      </c>
      <c r="H8" s="1"/>
      <c r="I8" s="1"/>
    </row>
    <row r="9" spans="2:9" x14ac:dyDescent="0.2">
      <c r="C9" s="3"/>
      <c r="E9" s="4" t="s">
        <v>11</v>
      </c>
      <c r="F9" s="4" t="s">
        <v>41</v>
      </c>
      <c r="H9" s="1"/>
      <c r="I9" s="1"/>
    </row>
    <row r="10" spans="2:9" x14ac:dyDescent="0.2">
      <c r="C10" s="3"/>
      <c r="E10" s="4" t="s">
        <v>12</v>
      </c>
      <c r="F10" s="4" t="s">
        <v>42</v>
      </c>
      <c r="H10" s="1"/>
      <c r="I10" s="1"/>
    </row>
    <row r="11" spans="2:9" x14ac:dyDescent="0.2">
      <c r="B11" s="4"/>
      <c r="C11" s="3"/>
      <c r="G11" s="1"/>
      <c r="H11" s="1"/>
      <c r="I11" s="1"/>
    </row>
    <row r="12" spans="2:9" x14ac:dyDescent="0.2">
      <c r="B12" s="4">
        <v>4</v>
      </c>
      <c r="C12" s="2">
        <v>6114870020800</v>
      </c>
      <c r="D12" s="4" t="s">
        <v>9</v>
      </c>
      <c r="E12" s="4" t="s">
        <v>13</v>
      </c>
      <c r="F12" s="4" t="s">
        <v>14</v>
      </c>
      <c r="G12" s="1"/>
      <c r="H12" s="1"/>
      <c r="I12" s="1"/>
    </row>
    <row r="13" spans="2:9" x14ac:dyDescent="0.2">
      <c r="B13" s="4"/>
      <c r="C13" s="3"/>
      <c r="G13" s="1"/>
      <c r="H13" s="1"/>
      <c r="I13" s="1"/>
    </row>
    <row r="14" spans="2:9" x14ac:dyDescent="0.2">
      <c r="B14" s="4">
        <v>5</v>
      </c>
      <c r="C14" s="2">
        <v>6114870010670</v>
      </c>
      <c r="D14" s="4" t="s">
        <v>15</v>
      </c>
      <c r="E14" s="6" t="s">
        <v>16</v>
      </c>
      <c r="F14" s="6" t="s">
        <v>17</v>
      </c>
      <c r="G14" s="1"/>
      <c r="H14" s="1"/>
      <c r="I14" s="1"/>
    </row>
    <row r="15" spans="2:9" x14ac:dyDescent="0.2">
      <c r="C15" s="3"/>
      <c r="E15" s="4" t="s">
        <v>18</v>
      </c>
      <c r="F15" s="4" t="s">
        <v>43</v>
      </c>
      <c r="G15" s="1"/>
      <c r="I15" s="1"/>
    </row>
    <row r="16" spans="2:9" x14ac:dyDescent="0.2">
      <c r="C16" s="5"/>
      <c r="E16" s="4" t="s">
        <v>19</v>
      </c>
      <c r="F16" s="4" t="s">
        <v>43</v>
      </c>
      <c r="G16" s="1"/>
      <c r="I16" s="1"/>
    </row>
    <row r="17" spans="3:9" x14ac:dyDescent="0.2">
      <c r="C17" s="5"/>
      <c r="E17" s="4" t="s">
        <v>20</v>
      </c>
      <c r="F17" s="4" t="s">
        <v>44</v>
      </c>
      <c r="G17" s="1"/>
      <c r="I17" s="1"/>
    </row>
    <row r="18" spans="3:9" x14ac:dyDescent="0.2">
      <c r="E18" s="4" t="s">
        <v>21</v>
      </c>
      <c r="F18" s="4" t="s">
        <v>45</v>
      </c>
      <c r="G18" s="1"/>
      <c r="I18" s="1"/>
    </row>
    <row r="19" spans="3:9" x14ac:dyDescent="0.2">
      <c r="E19" s="4" t="s">
        <v>22</v>
      </c>
      <c r="F19" s="4" t="s">
        <v>46</v>
      </c>
      <c r="G19" s="1"/>
      <c r="I19" s="1"/>
    </row>
    <row r="20" spans="3:9" x14ac:dyDescent="0.2">
      <c r="E20" s="4" t="s">
        <v>23</v>
      </c>
      <c r="F20" s="4" t="s">
        <v>47</v>
      </c>
      <c r="G20" s="1"/>
      <c r="I20" s="1"/>
    </row>
    <row r="21" spans="3:9" x14ac:dyDescent="0.2">
      <c r="E21" s="4" t="s">
        <v>24</v>
      </c>
      <c r="F21" s="4" t="s">
        <v>48</v>
      </c>
      <c r="G21" s="1"/>
      <c r="I21" s="1"/>
    </row>
    <row r="22" spans="3:9" x14ac:dyDescent="0.2">
      <c r="E22" s="4" t="s">
        <v>25</v>
      </c>
      <c r="F22" s="4" t="s">
        <v>49</v>
      </c>
      <c r="G22" s="1"/>
      <c r="I22" s="1"/>
    </row>
    <row r="23" spans="3:9" x14ac:dyDescent="0.2">
      <c r="E23" s="4" t="s">
        <v>26</v>
      </c>
      <c r="F23" s="4" t="s">
        <v>50</v>
      </c>
      <c r="G23" s="1"/>
      <c r="I23" s="1"/>
    </row>
    <row r="24" spans="3:9" x14ac:dyDescent="0.2">
      <c r="E24" s="4" t="s">
        <v>27</v>
      </c>
      <c r="F24" s="4" t="s">
        <v>51</v>
      </c>
      <c r="G24" s="1"/>
      <c r="I24" s="1"/>
    </row>
    <row r="25" spans="3:9" x14ac:dyDescent="0.2">
      <c r="E25" s="4" t="s">
        <v>28</v>
      </c>
      <c r="F25" s="4" t="s">
        <v>52</v>
      </c>
      <c r="G25" s="1"/>
      <c r="I25" s="1"/>
    </row>
    <row r="26" spans="3:9" x14ac:dyDescent="0.2">
      <c r="E26" s="4" t="s">
        <v>29</v>
      </c>
      <c r="F26" s="4" t="s">
        <v>53</v>
      </c>
      <c r="G26" s="1"/>
      <c r="I26" s="1"/>
    </row>
    <row r="27" spans="3:9" x14ac:dyDescent="0.2">
      <c r="E27" s="4" t="s">
        <v>30</v>
      </c>
      <c r="F27" s="4" t="s">
        <v>54</v>
      </c>
      <c r="G27" s="1"/>
      <c r="I27" s="1"/>
    </row>
    <row r="28" spans="3:9" x14ac:dyDescent="0.2">
      <c r="E28" s="4" t="s">
        <v>31</v>
      </c>
      <c r="F28" s="4" t="s">
        <v>55</v>
      </c>
      <c r="G28" s="1"/>
      <c r="I28" s="1"/>
    </row>
    <row r="29" spans="3:9" x14ac:dyDescent="0.2">
      <c r="E29" s="4" t="s">
        <v>32</v>
      </c>
      <c r="F29" s="4" t="s">
        <v>56</v>
      </c>
      <c r="G29" s="1"/>
      <c r="I29" s="1"/>
    </row>
    <row r="30" spans="3:9" x14ac:dyDescent="0.2">
      <c r="E30" s="4" t="s">
        <v>33</v>
      </c>
      <c r="F30" s="4" t="s">
        <v>57</v>
      </c>
      <c r="G30" s="1"/>
      <c r="I30" s="1"/>
    </row>
    <row r="31" spans="3:9" x14ac:dyDescent="0.2">
      <c r="E31" s="4" t="s">
        <v>34</v>
      </c>
      <c r="F31" s="4" t="s">
        <v>58</v>
      </c>
      <c r="G31" s="1"/>
      <c r="I31" s="1"/>
    </row>
    <row r="32" spans="3:9" x14ac:dyDescent="0.2">
      <c r="E32" s="4" t="s">
        <v>20</v>
      </c>
      <c r="F32" s="4" t="s">
        <v>44</v>
      </c>
      <c r="G32" s="1"/>
      <c r="I32" s="1"/>
    </row>
    <row r="33" spans="2:9" x14ac:dyDescent="0.2">
      <c r="E33" s="4" t="s">
        <v>35</v>
      </c>
      <c r="F33" s="4" t="s">
        <v>59</v>
      </c>
      <c r="G33" s="1"/>
      <c r="I33" s="1"/>
    </row>
    <row r="34" spans="2:9" x14ac:dyDescent="0.2">
      <c r="E34" s="4" t="s">
        <v>36</v>
      </c>
      <c r="F34" s="4" t="s">
        <v>60</v>
      </c>
      <c r="G34" s="1"/>
      <c r="I34" s="1"/>
    </row>
    <row r="35" spans="2:9" x14ac:dyDescent="0.2">
      <c r="E35" s="4" t="s">
        <v>30</v>
      </c>
      <c r="F35" s="4" t="s">
        <v>54</v>
      </c>
      <c r="G35" s="1"/>
      <c r="I35" s="1"/>
    </row>
    <row r="36" spans="2:9" x14ac:dyDescent="0.2">
      <c r="E36" s="4" t="s">
        <v>37</v>
      </c>
      <c r="F36" s="4" t="s">
        <v>61</v>
      </c>
      <c r="G36" s="1"/>
      <c r="I36" s="1"/>
    </row>
    <row r="37" spans="2:9" x14ac:dyDescent="0.2">
      <c r="E37" s="4" t="s">
        <v>38</v>
      </c>
      <c r="F37" s="4" t="s">
        <v>62</v>
      </c>
      <c r="G37" s="1"/>
      <c r="I37" s="1"/>
    </row>
    <row r="38" spans="2:9" x14ac:dyDescent="0.2">
      <c r="E38" s="4" t="s">
        <v>39</v>
      </c>
      <c r="F38" s="4" t="s">
        <v>63</v>
      </c>
      <c r="G38" s="1"/>
      <c r="I38" s="1"/>
    </row>
    <row r="39" spans="2:9" x14ac:dyDescent="0.2">
      <c r="B39" s="7"/>
      <c r="C39" s="7"/>
      <c r="D39" s="7"/>
      <c r="E39" s="7"/>
      <c r="F39" s="7"/>
      <c r="G39" s="1"/>
      <c r="H39" s="1"/>
      <c r="I39" s="1"/>
    </row>
    <row r="40" spans="2:9" x14ac:dyDescent="0.2">
      <c r="B40" s="4">
        <v>6</v>
      </c>
      <c r="C40" s="2">
        <v>6115060020180</v>
      </c>
      <c r="D40" s="4" t="s">
        <v>64</v>
      </c>
      <c r="E40" s="4" t="s">
        <v>65</v>
      </c>
      <c r="F40" s="4" t="s">
        <v>66</v>
      </c>
      <c r="G40" s="1"/>
      <c r="H40" s="1"/>
      <c r="I40" s="1"/>
    </row>
    <row r="41" spans="2:9" x14ac:dyDescent="0.2">
      <c r="C41" s="3"/>
      <c r="E41" s="4" t="s">
        <v>67</v>
      </c>
      <c r="F41" s="4" t="s">
        <v>68</v>
      </c>
      <c r="G41" s="1"/>
      <c r="I41" s="1"/>
    </row>
    <row r="42" spans="2:9" x14ac:dyDescent="0.2">
      <c r="C42" s="3"/>
      <c r="E42" s="4" t="s">
        <v>69</v>
      </c>
      <c r="F42" s="4" t="s">
        <v>70</v>
      </c>
      <c r="G42" s="1"/>
      <c r="I42" s="1"/>
    </row>
    <row r="43" spans="2:9" x14ac:dyDescent="0.2">
      <c r="B43" s="4"/>
      <c r="C43" s="3"/>
      <c r="G43" s="1"/>
      <c r="H43" s="1"/>
      <c r="I43" s="1"/>
    </row>
    <row r="44" spans="2:9" x14ac:dyDescent="0.2">
      <c r="B44" s="4">
        <v>7</v>
      </c>
      <c r="C44" s="2">
        <v>6115060030190</v>
      </c>
      <c r="D44" s="4" t="s">
        <v>71</v>
      </c>
      <c r="E44" s="4" t="s">
        <v>67</v>
      </c>
      <c r="F44" s="4" t="s">
        <v>68</v>
      </c>
      <c r="G44" s="1"/>
      <c r="H44" s="1"/>
      <c r="I44" s="1"/>
    </row>
    <row r="45" spans="2:9" x14ac:dyDescent="0.2">
      <c r="B45" s="4"/>
      <c r="C45" s="3"/>
      <c r="G45" s="1"/>
      <c r="H45" s="1"/>
      <c r="I45" s="1"/>
    </row>
    <row r="46" spans="2:9" x14ac:dyDescent="0.2">
      <c r="B46" s="4">
        <v>8</v>
      </c>
      <c r="C46" s="2">
        <v>6115060020171</v>
      </c>
      <c r="D46" s="4" t="s">
        <v>71</v>
      </c>
      <c r="E46" s="4" t="s">
        <v>72</v>
      </c>
      <c r="F46" s="4" t="s">
        <v>73</v>
      </c>
      <c r="G46" s="1"/>
      <c r="H46" s="1"/>
      <c r="I46" s="1"/>
    </row>
    <row r="47" spans="2:9" x14ac:dyDescent="0.2">
      <c r="B47" s="4"/>
      <c r="C47" s="2"/>
      <c r="D47" s="4"/>
      <c r="E47" s="4"/>
      <c r="F47" s="4"/>
      <c r="G47" s="1"/>
      <c r="H47" s="1"/>
      <c r="I47" s="1"/>
    </row>
    <row r="48" spans="2:9" x14ac:dyDescent="0.2">
      <c r="B48" s="4">
        <v>9</v>
      </c>
      <c r="C48" s="2">
        <v>6115060020110</v>
      </c>
      <c r="D48" s="4" t="s">
        <v>74</v>
      </c>
      <c r="E48" s="4" t="s">
        <v>72</v>
      </c>
      <c r="F48" s="4" t="s">
        <v>73</v>
      </c>
      <c r="G48" s="1"/>
      <c r="H48" s="1"/>
      <c r="I48" s="1"/>
    </row>
    <row r="49" spans="2:9" x14ac:dyDescent="0.2">
      <c r="C49" s="3"/>
      <c r="E49" s="4" t="s">
        <v>75</v>
      </c>
      <c r="F49" s="4" t="s">
        <v>76</v>
      </c>
      <c r="H49" s="1"/>
      <c r="I49" s="1"/>
    </row>
    <row r="50" spans="2:9" x14ac:dyDescent="0.2">
      <c r="C50" s="3"/>
      <c r="E50" s="4" t="s">
        <v>77</v>
      </c>
      <c r="F50" s="4" t="s">
        <v>78</v>
      </c>
      <c r="H50" s="1"/>
      <c r="I50" s="1"/>
    </row>
    <row r="51" spans="2:9" x14ac:dyDescent="0.2">
      <c r="C51" s="3"/>
      <c r="E51" s="4" t="s">
        <v>79</v>
      </c>
      <c r="F51" s="4" t="s">
        <v>80</v>
      </c>
      <c r="H51" s="1"/>
      <c r="I51" s="1"/>
    </row>
    <row r="52" spans="2:9" x14ac:dyDescent="0.2">
      <c r="C52" s="3"/>
      <c r="E52" s="4"/>
      <c r="F52" s="4"/>
      <c r="H52" s="1"/>
      <c r="I52" s="1"/>
    </row>
    <row r="53" spans="2:9" x14ac:dyDescent="0.2">
      <c r="B53" s="4">
        <v>10</v>
      </c>
      <c r="C53" s="2">
        <v>6114500010050</v>
      </c>
      <c r="D53" s="4" t="s">
        <v>74</v>
      </c>
      <c r="E53" s="6" t="s">
        <v>81</v>
      </c>
      <c r="F53" s="6" t="s">
        <v>82</v>
      </c>
      <c r="G53" s="1"/>
      <c r="H53" s="1"/>
      <c r="I53" s="1"/>
    </row>
    <row r="54" spans="2:9" x14ac:dyDescent="0.2">
      <c r="C54" s="3"/>
      <c r="E54" s="6" t="s">
        <v>83</v>
      </c>
      <c r="F54" s="6" t="s">
        <v>84</v>
      </c>
    </row>
    <row r="55" spans="2:9" x14ac:dyDescent="0.2">
      <c r="C55" s="3"/>
      <c r="E55" s="6" t="s">
        <v>85</v>
      </c>
      <c r="F55" s="6" t="s">
        <v>86</v>
      </c>
    </row>
    <row r="56" spans="2:9" x14ac:dyDescent="0.2">
      <c r="C56" s="3"/>
      <c r="E56" s="6" t="s">
        <v>87</v>
      </c>
      <c r="F56" s="6" t="s">
        <v>88</v>
      </c>
    </row>
    <row r="57" spans="2:9" x14ac:dyDescent="0.2">
      <c r="C57" s="3"/>
      <c r="E57" s="6" t="s">
        <v>89</v>
      </c>
      <c r="F57" s="6" t="s">
        <v>90</v>
      </c>
    </row>
    <row r="58" spans="2:9" x14ac:dyDescent="0.2">
      <c r="C58" s="3"/>
      <c r="E58" s="6" t="s">
        <v>91</v>
      </c>
      <c r="F58" s="6" t="s">
        <v>92</v>
      </c>
    </row>
    <row r="59" spans="2:9" x14ac:dyDescent="0.2">
      <c r="C59" s="3"/>
      <c r="E59" s="6" t="s">
        <v>93</v>
      </c>
      <c r="F59" s="6" t="s">
        <v>94</v>
      </c>
    </row>
    <row r="60" spans="2:9" x14ac:dyDescent="0.2">
      <c r="C60" s="3"/>
      <c r="E60" s="6" t="s">
        <v>95</v>
      </c>
      <c r="F60" s="6" t="s">
        <v>96</v>
      </c>
    </row>
    <row r="61" spans="2:9" x14ac:dyDescent="0.2">
      <c r="C61" s="3"/>
      <c r="E61" s="6" t="s">
        <v>97</v>
      </c>
      <c r="F61" s="6" t="s">
        <v>98</v>
      </c>
    </row>
    <row r="62" spans="2:9" x14ac:dyDescent="0.2">
      <c r="C62" s="3"/>
      <c r="E62" s="6"/>
      <c r="F62" s="6"/>
    </row>
    <row r="63" spans="2:9" x14ac:dyDescent="0.2">
      <c r="B63" s="4">
        <v>11</v>
      </c>
      <c r="C63" s="2">
        <v>6114520020070</v>
      </c>
      <c r="D63" s="4" t="s">
        <v>99</v>
      </c>
      <c r="E63" s="4" t="s">
        <v>100</v>
      </c>
      <c r="F63" s="4" t="s">
        <v>101</v>
      </c>
      <c r="G63" s="1"/>
    </row>
    <row r="64" spans="2:9" x14ac:dyDescent="0.2">
      <c r="C64" s="3"/>
      <c r="E64" s="6" t="s">
        <v>102</v>
      </c>
      <c r="F64" s="6" t="s">
        <v>103</v>
      </c>
    </row>
    <row r="65" spans="2:7" x14ac:dyDescent="0.2">
      <c r="C65" s="3"/>
      <c r="E65" s="4" t="s">
        <v>104</v>
      </c>
      <c r="F65" s="4" t="s">
        <v>105</v>
      </c>
    </row>
    <row r="66" spans="2:7" x14ac:dyDescent="0.2">
      <c r="C66" s="3"/>
      <c r="E66" s="9" t="s">
        <v>106</v>
      </c>
      <c r="F66" s="9" t="s">
        <v>107</v>
      </c>
    </row>
    <row r="67" spans="2:7" x14ac:dyDescent="0.2">
      <c r="C67" s="3"/>
      <c r="E67" s="9" t="s">
        <v>108</v>
      </c>
      <c r="F67" s="9" t="s">
        <v>109</v>
      </c>
    </row>
    <row r="68" spans="2:7" x14ac:dyDescent="0.2">
      <c r="B68" s="4"/>
      <c r="C68" s="3"/>
      <c r="G68" s="1"/>
    </row>
    <row r="69" spans="2:7" x14ac:dyDescent="0.2">
      <c r="B69" s="4">
        <v>12</v>
      </c>
      <c r="C69" s="2">
        <v>6114500010050</v>
      </c>
      <c r="D69" s="4" t="s">
        <v>110</v>
      </c>
      <c r="E69" s="6" t="s">
        <v>111</v>
      </c>
      <c r="F69" s="6" t="s">
        <v>112</v>
      </c>
      <c r="G69" s="1"/>
    </row>
    <row r="70" spans="2:7" x14ac:dyDescent="0.2">
      <c r="C70" s="3"/>
      <c r="E70" s="6" t="s">
        <v>113</v>
      </c>
      <c r="F70" s="6" t="s">
        <v>114</v>
      </c>
    </row>
    <row r="71" spans="2:7" x14ac:dyDescent="0.2">
      <c r="C71" s="3"/>
      <c r="E71" s="6" t="s">
        <v>115</v>
      </c>
      <c r="F71" s="6" t="s">
        <v>116</v>
      </c>
    </row>
    <row r="72" spans="2:7" x14ac:dyDescent="0.2">
      <c r="C72" s="3"/>
      <c r="E72" s="6" t="s">
        <v>117</v>
      </c>
      <c r="F72" s="6" t="s">
        <v>118</v>
      </c>
    </row>
    <row r="73" spans="2:7" x14ac:dyDescent="0.2">
      <c r="C73" s="3"/>
      <c r="E73" s="4" t="s">
        <v>119</v>
      </c>
      <c r="F73" s="4" t="s">
        <v>120</v>
      </c>
    </row>
    <row r="74" spans="2:7" x14ac:dyDescent="0.2">
      <c r="C74" s="3"/>
      <c r="E74" s="4" t="s">
        <v>121</v>
      </c>
      <c r="F74" s="4" t="s">
        <v>122</v>
      </c>
    </row>
    <row r="75" spans="2:7" x14ac:dyDescent="0.2">
      <c r="C75" s="3"/>
      <c r="E75" s="4" t="s">
        <v>123</v>
      </c>
      <c r="F75" s="4" t="s">
        <v>55</v>
      </c>
    </row>
    <row r="76" spans="2:7" x14ac:dyDescent="0.2">
      <c r="B76" s="4"/>
      <c r="C76" s="3"/>
      <c r="G76" s="1"/>
    </row>
    <row r="77" spans="2:7" x14ac:dyDescent="0.2">
      <c r="B77" s="4">
        <v>13</v>
      </c>
      <c r="C77" s="2">
        <v>6114520020060</v>
      </c>
      <c r="D77" s="4" t="s">
        <v>124</v>
      </c>
      <c r="E77" s="4" t="s">
        <v>125</v>
      </c>
      <c r="F77" s="4" t="s">
        <v>126</v>
      </c>
      <c r="G77" s="1"/>
    </row>
    <row r="78" spans="2:7" x14ac:dyDescent="0.2">
      <c r="C78" s="3"/>
      <c r="E78" s="4" t="s">
        <v>127</v>
      </c>
      <c r="F78" s="4" t="s">
        <v>128</v>
      </c>
    </row>
    <row r="79" spans="2:7" x14ac:dyDescent="0.2">
      <c r="C79" s="3"/>
      <c r="E79" s="4" t="s">
        <v>129</v>
      </c>
      <c r="F79" s="4" t="s">
        <v>130</v>
      </c>
    </row>
    <row r="80" spans="2:7" x14ac:dyDescent="0.2">
      <c r="C80" s="3"/>
      <c r="E80" s="4" t="s">
        <v>131</v>
      </c>
      <c r="F80" s="4" t="s">
        <v>132</v>
      </c>
    </row>
    <row r="81" spans="2:7" x14ac:dyDescent="0.2">
      <c r="C81" s="3"/>
      <c r="E81" s="4" t="s">
        <v>133</v>
      </c>
      <c r="F81" s="4" t="s">
        <v>134</v>
      </c>
    </row>
    <row r="82" spans="2:7" x14ac:dyDescent="0.2">
      <c r="C82" s="3"/>
      <c r="E82" s="4" t="s">
        <v>156</v>
      </c>
      <c r="F82" s="4" t="s">
        <v>157</v>
      </c>
    </row>
    <row r="83" spans="2:7" x14ac:dyDescent="0.2">
      <c r="C83" s="3"/>
      <c r="E83" s="4" t="s">
        <v>135</v>
      </c>
      <c r="F83" s="4" t="s">
        <v>136</v>
      </c>
    </row>
    <row r="84" spans="2:7" x14ac:dyDescent="0.2">
      <c r="C84" s="3"/>
      <c r="E84" s="4" t="s">
        <v>137</v>
      </c>
      <c r="F84" s="4" t="s">
        <v>138</v>
      </c>
    </row>
    <row r="85" spans="2:7" x14ac:dyDescent="0.2">
      <c r="B85" s="4"/>
      <c r="C85" s="3"/>
      <c r="G85" s="1"/>
    </row>
    <row r="86" spans="2:7" x14ac:dyDescent="0.2">
      <c r="B86" s="4">
        <v>14</v>
      </c>
      <c r="C86" s="2">
        <v>6114520020070</v>
      </c>
      <c r="D86" s="4" t="s">
        <v>139</v>
      </c>
      <c r="E86" s="4" t="s">
        <v>140</v>
      </c>
      <c r="F86" s="4" t="s">
        <v>141</v>
      </c>
      <c r="G86" s="1"/>
    </row>
    <row r="87" spans="2:7" x14ac:dyDescent="0.2">
      <c r="B87" s="4"/>
      <c r="C87" s="2"/>
      <c r="D87" s="4"/>
      <c r="E87" s="4"/>
      <c r="F87" s="4"/>
      <c r="G87" s="1"/>
    </row>
    <row r="88" spans="2:7" x14ac:dyDescent="0.2">
      <c r="B88" s="4">
        <v>15</v>
      </c>
      <c r="C88" s="2">
        <v>6114520020080</v>
      </c>
      <c r="D88" s="4" t="s">
        <v>139</v>
      </c>
      <c r="E88" s="4" t="s">
        <v>142</v>
      </c>
      <c r="F88" s="4" t="s">
        <v>143</v>
      </c>
      <c r="G88" s="1"/>
    </row>
    <row r="89" spans="2:7" x14ac:dyDescent="0.2">
      <c r="B89" s="4"/>
      <c r="C89" s="3"/>
      <c r="G89" s="1"/>
    </row>
    <row r="90" spans="2:7" x14ac:dyDescent="0.2">
      <c r="B90" s="4">
        <v>16</v>
      </c>
      <c r="C90" s="2">
        <v>6114520020050</v>
      </c>
      <c r="D90" s="4" t="s">
        <v>144</v>
      </c>
      <c r="E90" s="4" t="s">
        <v>145</v>
      </c>
      <c r="F90" s="4" t="s">
        <v>146</v>
      </c>
      <c r="G90" s="1"/>
    </row>
    <row r="91" spans="2:7" x14ac:dyDescent="0.2">
      <c r="B91" s="4"/>
      <c r="C91" s="3"/>
      <c r="G91" s="1"/>
    </row>
    <row r="92" spans="2:7" x14ac:dyDescent="0.2">
      <c r="B92" s="4">
        <v>17</v>
      </c>
      <c r="C92" s="2">
        <v>6112350010010</v>
      </c>
      <c r="D92" s="4" t="s">
        <v>147</v>
      </c>
      <c r="E92" s="4" t="s">
        <v>142</v>
      </c>
      <c r="F92" s="4" t="s">
        <v>143</v>
      </c>
      <c r="G92" s="1"/>
    </row>
    <row r="93" spans="2:7" x14ac:dyDescent="0.2">
      <c r="C93" s="3"/>
      <c r="E93" s="4" t="s">
        <v>148</v>
      </c>
      <c r="F93" s="4" t="s">
        <v>149</v>
      </c>
    </row>
    <row r="94" spans="2:7" x14ac:dyDescent="0.2">
      <c r="C94" s="3"/>
      <c r="E94" s="4" t="s">
        <v>150</v>
      </c>
      <c r="F94" s="4" t="s">
        <v>151</v>
      </c>
    </row>
    <row r="95" spans="2:7" x14ac:dyDescent="0.2">
      <c r="C95" s="3"/>
      <c r="E95" s="4" t="s">
        <v>152</v>
      </c>
      <c r="F95" s="4" t="s">
        <v>153</v>
      </c>
    </row>
    <row r="96" spans="2:7" x14ac:dyDescent="0.2">
      <c r="C96" s="3"/>
      <c r="E96" s="9" t="s">
        <v>154</v>
      </c>
      <c r="F96" s="9" t="s">
        <v>155</v>
      </c>
    </row>
    <row r="97" spans="2:7" x14ac:dyDescent="0.2">
      <c r="B97" s="4"/>
      <c r="C97" s="3"/>
      <c r="G97" s="1"/>
    </row>
    <row r="98" spans="2:7" x14ac:dyDescent="0.2">
      <c r="B98" s="6"/>
      <c r="C98" s="3"/>
      <c r="G98" s="1"/>
    </row>
    <row r="99" spans="2:7" x14ac:dyDescent="0.2">
      <c r="C99" s="3"/>
    </row>
    <row r="100" spans="2:7" x14ac:dyDescent="0.2">
      <c r="C100" s="3"/>
    </row>
  </sheetData>
  <phoneticPr fontId="0" type="noConversion"/>
  <pageMargins left="0.78740157480314965" right="0.78740157480314965" top="1.2204724409448819" bottom="0.98425196850393704" header="0.6692913385826772" footer="0.43307086614173229"/>
  <pageSetup paperSize="9" orientation="landscape" r:id="rId1"/>
  <headerFooter alignWithMargins="0">
    <oddHeader>&amp;L&amp;G
&amp;R&amp;G</oddHeader>
    <oddFooter xml:space="preserve">&amp;L&amp;6&amp;A
&amp;D&amp;R&amp;6&amp;P (&amp;N)  
&amp;F </oddFooter>
  </headerFooter>
  <legacyDrawingHF r:id="rId2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02C69D-A80F-4267-B211-B12120107713}">
  <sheetPr>
    <tabColor rgb="FF00B050"/>
  </sheetPr>
  <dimension ref="A2:I100"/>
  <sheetViews>
    <sheetView tabSelected="1" zoomScaleNormal="100" zoomScalePageLayoutView="145" workbookViewId="0">
      <pane ySplit="765" activePane="bottomLeft"/>
      <selection activeCell="B1" sqref="B1:B1048576"/>
      <selection pane="bottomLeft" activeCell="K16" sqref="K16"/>
    </sheetView>
  </sheetViews>
  <sheetFormatPr defaultRowHeight="12.75" x14ac:dyDescent="0.2"/>
  <cols>
    <col min="1" max="1" width="2.7109375" style="1" customWidth="1"/>
    <col min="2" max="2" width="6.7109375" style="22" customWidth="1"/>
    <col min="3" max="3" width="27.5703125" style="1" hidden="1" customWidth="1"/>
    <col min="4" max="4" width="35.42578125" style="1" hidden="1" customWidth="1"/>
    <col min="5" max="5" width="17.7109375" style="1" customWidth="1"/>
    <col min="6" max="6" width="25.140625" style="1" customWidth="1"/>
    <col min="7" max="7" width="28.7109375" style="1" customWidth="1"/>
    <col min="8" max="8" width="36.5703125" style="1" customWidth="1"/>
    <col min="9" max="9" width="1.7109375" customWidth="1"/>
  </cols>
  <sheetData>
    <row r="2" spans="2:9" x14ac:dyDescent="0.2">
      <c r="B2" s="34" t="s">
        <v>0</v>
      </c>
      <c r="C2" s="35" t="s">
        <v>1</v>
      </c>
      <c r="D2" s="35" t="s">
        <v>2</v>
      </c>
      <c r="E2" s="35" t="s">
        <v>3</v>
      </c>
      <c r="F2" s="35" t="s">
        <v>4</v>
      </c>
      <c r="G2" s="35" t="s">
        <v>1</v>
      </c>
      <c r="H2" s="35" t="s">
        <v>2</v>
      </c>
    </row>
    <row r="3" spans="2:9" x14ac:dyDescent="0.2">
      <c r="B3" s="26">
        <v>1</v>
      </c>
      <c r="C3" s="11">
        <v>6114930020020</v>
      </c>
      <c r="D3" s="10" t="s">
        <v>6</v>
      </c>
      <c r="E3" s="23" t="s">
        <v>7</v>
      </c>
      <c r="F3" s="23" t="s">
        <v>8</v>
      </c>
      <c r="G3" s="11">
        <v>6114930020020</v>
      </c>
      <c r="H3" s="10" t="s">
        <v>6</v>
      </c>
      <c r="I3" s="1"/>
    </row>
    <row r="4" spans="2:9" x14ac:dyDescent="0.2">
      <c r="B4" s="27"/>
      <c r="C4" s="12"/>
      <c r="D4" s="13"/>
      <c r="E4" s="24"/>
      <c r="F4" s="24"/>
      <c r="G4" s="11">
        <v>6114910020070</v>
      </c>
      <c r="H4" s="10" t="s">
        <v>6</v>
      </c>
      <c r="I4" s="1"/>
    </row>
    <row r="5" spans="2:9" x14ac:dyDescent="0.2">
      <c r="B5" s="28"/>
      <c r="C5" s="12"/>
      <c r="D5" s="13"/>
      <c r="E5" s="25"/>
      <c r="F5" s="25"/>
      <c r="G5" s="11">
        <v>6114910020071</v>
      </c>
      <c r="H5" s="10" t="s">
        <v>9</v>
      </c>
      <c r="I5" s="1"/>
    </row>
    <row r="6" spans="2:9" hidden="1" x14ac:dyDescent="0.2">
      <c r="B6" s="18"/>
      <c r="C6" s="12"/>
      <c r="D6" s="13"/>
      <c r="E6" s="13"/>
      <c r="F6" s="13"/>
      <c r="G6" s="14"/>
      <c r="H6" s="14"/>
      <c r="I6" s="1"/>
    </row>
    <row r="7" spans="2:9" x14ac:dyDescent="0.2">
      <c r="B7" s="19">
        <v>2</v>
      </c>
      <c r="C7" s="12"/>
      <c r="D7" s="13"/>
      <c r="E7" s="10" t="s">
        <v>10</v>
      </c>
      <c r="F7" s="10" t="s">
        <v>40</v>
      </c>
      <c r="G7" s="31">
        <v>6114910020071</v>
      </c>
      <c r="H7" s="23" t="s">
        <v>9</v>
      </c>
      <c r="I7" s="1"/>
    </row>
    <row r="8" spans="2:9" x14ac:dyDescent="0.2">
      <c r="B8" s="19">
        <v>3</v>
      </c>
      <c r="C8" s="12"/>
      <c r="D8" s="13"/>
      <c r="E8" s="10" t="s">
        <v>11</v>
      </c>
      <c r="F8" s="10" t="s">
        <v>41</v>
      </c>
      <c r="G8" s="33"/>
      <c r="H8" s="24"/>
      <c r="I8" s="1"/>
    </row>
    <row r="9" spans="2:9" x14ac:dyDescent="0.2">
      <c r="B9" s="19">
        <v>4</v>
      </c>
      <c r="C9" s="12"/>
      <c r="D9" s="13"/>
      <c r="E9" s="10" t="s">
        <v>12</v>
      </c>
      <c r="F9" s="10" t="s">
        <v>42</v>
      </c>
      <c r="G9" s="32"/>
      <c r="H9" s="25"/>
      <c r="I9" s="1"/>
    </row>
    <row r="10" spans="2:9" hidden="1" x14ac:dyDescent="0.2">
      <c r="B10" s="18"/>
      <c r="C10" s="12"/>
      <c r="D10" s="13"/>
      <c r="E10" s="13"/>
      <c r="F10" s="13"/>
      <c r="G10" s="14"/>
      <c r="H10" s="14"/>
      <c r="I10" s="1"/>
    </row>
    <row r="11" spans="2:9" x14ac:dyDescent="0.2">
      <c r="B11" s="18">
        <v>5</v>
      </c>
      <c r="C11" s="13"/>
      <c r="D11" s="13"/>
      <c r="E11" s="10" t="s">
        <v>13</v>
      </c>
      <c r="F11" s="10" t="s">
        <v>14</v>
      </c>
      <c r="G11" s="11">
        <v>6114870020800</v>
      </c>
      <c r="H11" s="10" t="s">
        <v>9</v>
      </c>
      <c r="I11" s="1"/>
    </row>
    <row r="12" spans="2:9" hidden="1" x14ac:dyDescent="0.2">
      <c r="B12" s="18"/>
      <c r="C12" s="12"/>
      <c r="D12" s="13"/>
      <c r="E12" s="13"/>
      <c r="F12" s="13"/>
      <c r="G12" s="14"/>
      <c r="H12" s="14"/>
      <c r="I12" s="1"/>
    </row>
    <row r="13" spans="2:9" x14ac:dyDescent="0.2">
      <c r="B13" s="18">
        <v>6</v>
      </c>
      <c r="C13" s="13"/>
      <c r="D13" s="13"/>
      <c r="E13" s="14" t="s">
        <v>16</v>
      </c>
      <c r="F13" s="14" t="s">
        <v>17</v>
      </c>
      <c r="G13" s="31">
        <v>6114870010670</v>
      </c>
      <c r="H13" s="23" t="s">
        <v>15</v>
      </c>
      <c r="I13" s="1"/>
    </row>
    <row r="14" spans="2:9" x14ac:dyDescent="0.2">
      <c r="B14" s="18">
        <v>7</v>
      </c>
      <c r="C14" s="12"/>
      <c r="D14" s="13"/>
      <c r="E14" s="10" t="s">
        <v>18</v>
      </c>
      <c r="F14" s="10" t="s">
        <v>43</v>
      </c>
      <c r="G14" s="33"/>
      <c r="H14" s="24"/>
      <c r="I14" s="1"/>
    </row>
    <row r="15" spans="2:9" x14ac:dyDescent="0.2">
      <c r="B15" s="18">
        <v>8</v>
      </c>
      <c r="C15" s="15"/>
      <c r="D15" s="13"/>
      <c r="E15" s="10" t="s">
        <v>19</v>
      </c>
      <c r="F15" s="10" t="s">
        <v>43</v>
      </c>
      <c r="G15" s="33"/>
      <c r="H15" s="24"/>
      <c r="I15" s="1"/>
    </row>
    <row r="16" spans="2:9" x14ac:dyDescent="0.2">
      <c r="B16" s="18">
        <v>9</v>
      </c>
      <c r="C16" s="15"/>
      <c r="D16" s="13"/>
      <c r="E16" s="10" t="s">
        <v>20</v>
      </c>
      <c r="F16" s="10" t="s">
        <v>44</v>
      </c>
      <c r="G16" s="33"/>
      <c r="H16" s="24"/>
      <c r="I16" s="1"/>
    </row>
    <row r="17" spans="2:9" x14ac:dyDescent="0.2">
      <c r="B17" s="18">
        <v>10</v>
      </c>
      <c r="C17" s="13"/>
      <c r="D17" s="13"/>
      <c r="E17" s="10" t="s">
        <v>21</v>
      </c>
      <c r="F17" s="10" t="s">
        <v>45</v>
      </c>
      <c r="G17" s="33"/>
      <c r="H17" s="24"/>
      <c r="I17" s="1"/>
    </row>
    <row r="18" spans="2:9" x14ac:dyDescent="0.2">
      <c r="B18" s="18">
        <v>11</v>
      </c>
      <c r="C18" s="13"/>
      <c r="D18" s="13"/>
      <c r="E18" s="10" t="s">
        <v>22</v>
      </c>
      <c r="F18" s="10" t="s">
        <v>46</v>
      </c>
      <c r="G18" s="33"/>
      <c r="H18" s="24"/>
      <c r="I18" s="1"/>
    </row>
    <row r="19" spans="2:9" x14ac:dyDescent="0.2">
      <c r="B19" s="18">
        <v>12</v>
      </c>
      <c r="C19" s="13"/>
      <c r="D19" s="13"/>
      <c r="E19" s="10" t="s">
        <v>23</v>
      </c>
      <c r="F19" s="10" t="s">
        <v>47</v>
      </c>
      <c r="G19" s="33"/>
      <c r="H19" s="24"/>
      <c r="I19" s="1"/>
    </row>
    <row r="20" spans="2:9" x14ac:dyDescent="0.2">
      <c r="B20" s="18">
        <v>13</v>
      </c>
      <c r="C20" s="13"/>
      <c r="D20" s="13"/>
      <c r="E20" s="10" t="s">
        <v>24</v>
      </c>
      <c r="F20" s="10" t="s">
        <v>48</v>
      </c>
      <c r="G20" s="33"/>
      <c r="H20" s="24"/>
      <c r="I20" s="1"/>
    </row>
    <row r="21" spans="2:9" x14ac:dyDescent="0.2">
      <c r="B21" s="18">
        <v>14</v>
      </c>
      <c r="C21" s="13"/>
      <c r="D21" s="13"/>
      <c r="E21" s="10" t="s">
        <v>25</v>
      </c>
      <c r="F21" s="10" t="s">
        <v>49</v>
      </c>
      <c r="G21" s="33"/>
      <c r="H21" s="24"/>
      <c r="I21" s="1"/>
    </row>
    <row r="22" spans="2:9" x14ac:dyDescent="0.2">
      <c r="B22" s="18">
        <v>15</v>
      </c>
      <c r="C22" s="13"/>
      <c r="D22" s="13"/>
      <c r="E22" s="10" t="s">
        <v>26</v>
      </c>
      <c r="F22" s="10" t="s">
        <v>50</v>
      </c>
      <c r="G22" s="33"/>
      <c r="H22" s="24"/>
      <c r="I22" s="1"/>
    </row>
    <row r="23" spans="2:9" x14ac:dyDescent="0.2">
      <c r="B23" s="18">
        <v>16</v>
      </c>
      <c r="C23" s="13"/>
      <c r="D23" s="13"/>
      <c r="E23" s="10" t="s">
        <v>27</v>
      </c>
      <c r="F23" s="10" t="s">
        <v>51</v>
      </c>
      <c r="G23" s="33"/>
      <c r="H23" s="24"/>
      <c r="I23" s="1"/>
    </row>
    <row r="24" spans="2:9" x14ac:dyDescent="0.2">
      <c r="B24" s="18">
        <v>17</v>
      </c>
      <c r="C24" s="13"/>
      <c r="D24" s="13"/>
      <c r="E24" s="10" t="s">
        <v>28</v>
      </c>
      <c r="F24" s="10" t="s">
        <v>52</v>
      </c>
      <c r="G24" s="33"/>
      <c r="H24" s="24"/>
      <c r="I24" s="1"/>
    </row>
    <row r="25" spans="2:9" x14ac:dyDescent="0.2">
      <c r="B25" s="18">
        <v>18</v>
      </c>
      <c r="C25" s="13"/>
      <c r="D25" s="13"/>
      <c r="E25" s="10" t="s">
        <v>29</v>
      </c>
      <c r="F25" s="10" t="s">
        <v>53</v>
      </c>
      <c r="G25" s="33"/>
      <c r="H25" s="24"/>
      <c r="I25" s="1"/>
    </row>
    <row r="26" spans="2:9" x14ac:dyDescent="0.2">
      <c r="B26" s="18">
        <v>19</v>
      </c>
      <c r="C26" s="13"/>
      <c r="D26" s="13"/>
      <c r="E26" s="10" t="s">
        <v>30</v>
      </c>
      <c r="F26" s="10" t="s">
        <v>54</v>
      </c>
      <c r="G26" s="33"/>
      <c r="H26" s="24"/>
      <c r="I26" s="1"/>
    </row>
    <row r="27" spans="2:9" x14ac:dyDescent="0.2">
      <c r="B27" s="18">
        <v>20</v>
      </c>
      <c r="C27" s="13"/>
      <c r="D27" s="13"/>
      <c r="E27" s="10" t="s">
        <v>31</v>
      </c>
      <c r="F27" s="10" t="s">
        <v>55</v>
      </c>
      <c r="G27" s="33"/>
      <c r="H27" s="24"/>
      <c r="I27" s="1"/>
    </row>
    <row r="28" spans="2:9" x14ac:dyDescent="0.2">
      <c r="B28" s="18">
        <v>21</v>
      </c>
      <c r="C28" s="13"/>
      <c r="D28" s="13"/>
      <c r="E28" s="10" t="s">
        <v>32</v>
      </c>
      <c r="F28" s="10" t="s">
        <v>56</v>
      </c>
      <c r="G28" s="33"/>
      <c r="H28" s="24"/>
      <c r="I28" s="1"/>
    </row>
    <row r="29" spans="2:9" x14ac:dyDescent="0.2">
      <c r="B29" s="18">
        <v>22</v>
      </c>
      <c r="C29" s="13"/>
      <c r="D29" s="13"/>
      <c r="E29" s="10" t="s">
        <v>33</v>
      </c>
      <c r="F29" s="10" t="s">
        <v>57</v>
      </c>
      <c r="G29" s="33"/>
      <c r="H29" s="24"/>
      <c r="I29" s="1"/>
    </row>
    <row r="30" spans="2:9" x14ac:dyDescent="0.2">
      <c r="B30" s="18">
        <v>23</v>
      </c>
      <c r="C30" s="13"/>
      <c r="D30" s="13"/>
      <c r="E30" s="10" t="s">
        <v>34</v>
      </c>
      <c r="F30" s="10" t="s">
        <v>58</v>
      </c>
      <c r="G30" s="33"/>
      <c r="H30" s="24"/>
      <c r="I30" s="1"/>
    </row>
    <row r="31" spans="2:9" x14ac:dyDescent="0.2">
      <c r="B31" s="18">
        <v>24</v>
      </c>
      <c r="C31" s="13"/>
      <c r="D31" s="13"/>
      <c r="E31" s="10" t="s">
        <v>20</v>
      </c>
      <c r="F31" s="10" t="s">
        <v>44</v>
      </c>
      <c r="G31" s="33"/>
      <c r="H31" s="24"/>
      <c r="I31" s="1"/>
    </row>
    <row r="32" spans="2:9" x14ac:dyDescent="0.2">
      <c r="B32" s="18">
        <v>25</v>
      </c>
      <c r="C32" s="13"/>
      <c r="D32" s="13"/>
      <c r="E32" s="10" t="s">
        <v>35</v>
      </c>
      <c r="F32" s="10" t="s">
        <v>59</v>
      </c>
      <c r="G32" s="33"/>
      <c r="H32" s="24"/>
      <c r="I32" s="1"/>
    </row>
    <row r="33" spans="2:9" x14ac:dyDescent="0.2">
      <c r="B33" s="18">
        <v>26</v>
      </c>
      <c r="C33" s="13"/>
      <c r="D33" s="13"/>
      <c r="E33" s="10" t="s">
        <v>36</v>
      </c>
      <c r="F33" s="10" t="s">
        <v>60</v>
      </c>
      <c r="G33" s="33"/>
      <c r="H33" s="24"/>
      <c r="I33" s="1"/>
    </row>
    <row r="34" spans="2:9" x14ac:dyDescent="0.2">
      <c r="B34" s="18">
        <v>27</v>
      </c>
      <c r="C34" s="13"/>
      <c r="D34" s="13"/>
      <c r="E34" s="10" t="s">
        <v>30</v>
      </c>
      <c r="F34" s="10" t="s">
        <v>54</v>
      </c>
      <c r="G34" s="33"/>
      <c r="H34" s="24"/>
      <c r="I34" s="1"/>
    </row>
    <row r="35" spans="2:9" x14ac:dyDescent="0.2">
      <c r="B35" s="18">
        <v>28</v>
      </c>
      <c r="C35" s="13"/>
      <c r="D35" s="13"/>
      <c r="E35" s="10" t="s">
        <v>37</v>
      </c>
      <c r="F35" s="10" t="s">
        <v>61</v>
      </c>
      <c r="G35" s="33"/>
      <c r="H35" s="24"/>
      <c r="I35" s="1"/>
    </row>
    <row r="36" spans="2:9" x14ac:dyDescent="0.2">
      <c r="B36" s="18">
        <v>29</v>
      </c>
      <c r="C36" s="13"/>
      <c r="D36" s="13"/>
      <c r="E36" s="10" t="s">
        <v>38</v>
      </c>
      <c r="F36" s="10" t="s">
        <v>62</v>
      </c>
      <c r="G36" s="33"/>
      <c r="H36" s="24"/>
      <c r="I36" s="1"/>
    </row>
    <row r="37" spans="2:9" x14ac:dyDescent="0.2">
      <c r="B37" s="18">
        <v>30</v>
      </c>
      <c r="C37" s="13"/>
      <c r="D37" s="13"/>
      <c r="E37" s="10" t="s">
        <v>39</v>
      </c>
      <c r="F37" s="10" t="s">
        <v>63</v>
      </c>
      <c r="G37" s="32"/>
      <c r="H37" s="25"/>
      <c r="I37" s="1"/>
    </row>
    <row r="38" spans="2:9" hidden="1" x14ac:dyDescent="0.2">
      <c r="B38" s="19"/>
      <c r="C38" s="16"/>
      <c r="D38" s="16"/>
      <c r="E38" s="13"/>
      <c r="F38" s="13"/>
      <c r="G38" s="13"/>
      <c r="H38" s="13"/>
      <c r="I38" s="1"/>
    </row>
    <row r="39" spans="2:9" x14ac:dyDescent="0.2">
      <c r="B39" s="18">
        <v>31</v>
      </c>
      <c r="C39" s="13"/>
      <c r="D39" s="13"/>
      <c r="E39" s="10" t="s">
        <v>65</v>
      </c>
      <c r="F39" s="10" t="s">
        <v>66</v>
      </c>
      <c r="G39" s="31">
        <v>6115060020180</v>
      </c>
      <c r="H39" s="23" t="s">
        <v>64</v>
      </c>
      <c r="I39" s="1"/>
    </row>
    <row r="40" spans="2:9" x14ac:dyDescent="0.2">
      <c r="B40" s="18">
        <v>32</v>
      </c>
      <c r="C40" s="12"/>
      <c r="D40" s="13"/>
      <c r="E40" s="10" t="s">
        <v>69</v>
      </c>
      <c r="F40" s="10" t="s">
        <v>70</v>
      </c>
      <c r="G40" s="32"/>
      <c r="H40" s="25"/>
      <c r="I40" s="1"/>
    </row>
    <row r="41" spans="2:9" hidden="1" x14ac:dyDescent="0.2">
      <c r="B41" s="19"/>
      <c r="C41" s="12"/>
      <c r="D41" s="13"/>
      <c r="E41" s="10"/>
      <c r="F41" s="10"/>
      <c r="G41" s="13"/>
      <c r="H41" s="13"/>
      <c r="I41" s="1"/>
    </row>
    <row r="42" spans="2:9" x14ac:dyDescent="0.2">
      <c r="B42" s="29">
        <v>33</v>
      </c>
      <c r="C42" s="12"/>
      <c r="D42" s="13"/>
      <c r="E42" s="23" t="s">
        <v>67</v>
      </c>
      <c r="F42" s="23" t="s">
        <v>68</v>
      </c>
      <c r="G42" s="11">
        <v>6115060020180</v>
      </c>
      <c r="H42" s="10" t="s">
        <v>64</v>
      </c>
      <c r="I42" s="1"/>
    </row>
    <row r="43" spans="2:9" x14ac:dyDescent="0.2">
      <c r="B43" s="30"/>
      <c r="C43" s="12"/>
      <c r="D43" s="13"/>
      <c r="E43" s="25"/>
      <c r="F43" s="25"/>
      <c r="G43" s="11">
        <v>6115060030190</v>
      </c>
      <c r="H43" s="10" t="s">
        <v>71</v>
      </c>
      <c r="I43" s="1"/>
    </row>
    <row r="44" spans="2:9" hidden="1" x14ac:dyDescent="0.2">
      <c r="B44" s="19"/>
      <c r="C44" s="12"/>
      <c r="D44" s="13"/>
      <c r="E44" s="10"/>
      <c r="F44" s="10"/>
      <c r="G44" s="13"/>
      <c r="H44" s="13"/>
      <c r="I44" s="1"/>
    </row>
    <row r="45" spans="2:9" x14ac:dyDescent="0.2">
      <c r="B45" s="26">
        <v>34</v>
      </c>
      <c r="C45" s="13"/>
      <c r="D45" s="13"/>
      <c r="E45" s="23" t="s">
        <v>72</v>
      </c>
      <c r="F45" s="23" t="s">
        <v>73</v>
      </c>
      <c r="G45" s="11">
        <v>6115060020171</v>
      </c>
      <c r="H45" s="10" t="s">
        <v>71</v>
      </c>
      <c r="I45" s="1"/>
    </row>
    <row r="46" spans="2:9" x14ac:dyDescent="0.2">
      <c r="B46" s="28"/>
      <c r="C46" s="11"/>
      <c r="D46" s="10"/>
      <c r="E46" s="25"/>
      <c r="F46" s="25"/>
      <c r="G46" s="11">
        <v>6115060020110</v>
      </c>
      <c r="H46" s="10" t="s">
        <v>74</v>
      </c>
      <c r="I46" s="1"/>
    </row>
    <row r="47" spans="2:9" hidden="1" x14ac:dyDescent="0.2">
      <c r="B47" s="18"/>
      <c r="C47" s="11"/>
      <c r="D47" s="10"/>
      <c r="E47" s="10"/>
      <c r="F47" s="10"/>
      <c r="G47" s="11"/>
      <c r="H47" s="10"/>
      <c r="I47" s="1"/>
    </row>
    <row r="48" spans="2:9" x14ac:dyDescent="0.2">
      <c r="B48" s="18">
        <v>36</v>
      </c>
      <c r="C48" s="11"/>
      <c r="D48" s="10"/>
      <c r="E48" s="10" t="s">
        <v>72</v>
      </c>
      <c r="F48" s="10" t="s">
        <v>73</v>
      </c>
      <c r="G48" s="31">
        <v>6115060020110</v>
      </c>
      <c r="H48" s="23" t="s">
        <v>74</v>
      </c>
      <c r="I48" s="1"/>
    </row>
    <row r="49" spans="2:9" x14ac:dyDescent="0.2">
      <c r="B49" s="18">
        <f>B48+1</f>
        <v>37</v>
      </c>
      <c r="C49" s="12"/>
      <c r="D49" s="13"/>
      <c r="E49" s="10" t="s">
        <v>75</v>
      </c>
      <c r="F49" s="10" t="s">
        <v>76</v>
      </c>
      <c r="G49" s="33"/>
      <c r="H49" s="24"/>
      <c r="I49" s="1"/>
    </row>
    <row r="50" spans="2:9" x14ac:dyDescent="0.2">
      <c r="B50" s="18">
        <f t="shared" ref="B50:B51" si="0">B49+1</f>
        <v>38</v>
      </c>
      <c r="C50" s="12"/>
      <c r="D50" s="13"/>
      <c r="E50" s="10" t="s">
        <v>77</v>
      </c>
      <c r="F50" s="10" t="s">
        <v>78</v>
      </c>
      <c r="G50" s="33"/>
      <c r="H50" s="24"/>
      <c r="I50" s="1"/>
    </row>
    <row r="51" spans="2:9" x14ac:dyDescent="0.2">
      <c r="B51" s="18">
        <f t="shared" si="0"/>
        <v>39</v>
      </c>
      <c r="C51" s="12"/>
      <c r="D51" s="13"/>
      <c r="E51" s="10" t="s">
        <v>79</v>
      </c>
      <c r="F51" s="10" t="s">
        <v>80</v>
      </c>
      <c r="G51" s="32"/>
      <c r="H51" s="25"/>
      <c r="I51" s="1"/>
    </row>
    <row r="52" spans="2:9" hidden="1" x14ac:dyDescent="0.2">
      <c r="B52" s="19"/>
      <c r="C52" s="12"/>
      <c r="D52" s="13"/>
      <c r="E52" s="10"/>
      <c r="F52" s="10"/>
      <c r="G52" s="13"/>
      <c r="H52" s="13"/>
      <c r="I52" s="1"/>
    </row>
    <row r="53" spans="2:9" x14ac:dyDescent="0.2">
      <c r="B53" s="18">
        <f>B51+1</f>
        <v>40</v>
      </c>
      <c r="C53" s="13"/>
      <c r="D53" s="13"/>
      <c r="E53" s="14" t="s">
        <v>81</v>
      </c>
      <c r="F53" s="14" t="s">
        <v>82</v>
      </c>
      <c r="G53" s="31">
        <v>6114500010050</v>
      </c>
      <c r="H53" s="23" t="s">
        <v>74</v>
      </c>
      <c r="I53" s="1"/>
    </row>
    <row r="54" spans="2:9" x14ac:dyDescent="0.2">
      <c r="B54" s="18">
        <f>B53+1</f>
        <v>41</v>
      </c>
      <c r="C54" s="12"/>
      <c r="D54" s="13"/>
      <c r="E54" s="14" t="s">
        <v>83</v>
      </c>
      <c r="F54" s="14" t="s">
        <v>84</v>
      </c>
      <c r="G54" s="33"/>
      <c r="H54" s="24"/>
    </row>
    <row r="55" spans="2:9" x14ac:dyDescent="0.2">
      <c r="B55" s="18">
        <f t="shared" ref="B55:B61" si="1">B54+1</f>
        <v>42</v>
      </c>
      <c r="C55" s="12"/>
      <c r="D55" s="13"/>
      <c r="E55" s="14" t="s">
        <v>85</v>
      </c>
      <c r="F55" s="14" t="s">
        <v>86</v>
      </c>
      <c r="G55" s="33"/>
      <c r="H55" s="24"/>
    </row>
    <row r="56" spans="2:9" x14ac:dyDescent="0.2">
      <c r="B56" s="18">
        <f t="shared" si="1"/>
        <v>43</v>
      </c>
      <c r="C56" s="12"/>
      <c r="D56" s="13"/>
      <c r="E56" s="14" t="s">
        <v>87</v>
      </c>
      <c r="F56" s="14" t="s">
        <v>88</v>
      </c>
      <c r="G56" s="33"/>
      <c r="H56" s="24"/>
    </row>
    <row r="57" spans="2:9" x14ac:dyDescent="0.2">
      <c r="B57" s="18">
        <f t="shared" si="1"/>
        <v>44</v>
      </c>
      <c r="C57" s="12"/>
      <c r="D57" s="13"/>
      <c r="E57" s="14" t="s">
        <v>89</v>
      </c>
      <c r="F57" s="14" t="s">
        <v>90</v>
      </c>
      <c r="G57" s="33"/>
      <c r="H57" s="24"/>
    </row>
    <row r="58" spans="2:9" x14ac:dyDescent="0.2">
      <c r="B58" s="18">
        <f t="shared" si="1"/>
        <v>45</v>
      </c>
      <c r="C58" s="12"/>
      <c r="D58" s="13"/>
      <c r="E58" s="14" t="s">
        <v>91</v>
      </c>
      <c r="F58" s="14" t="s">
        <v>92</v>
      </c>
      <c r="G58" s="33"/>
      <c r="H58" s="24"/>
    </row>
    <row r="59" spans="2:9" x14ac:dyDescent="0.2">
      <c r="B59" s="18">
        <f t="shared" si="1"/>
        <v>46</v>
      </c>
      <c r="C59" s="12"/>
      <c r="D59" s="13"/>
      <c r="E59" s="14" t="s">
        <v>93</v>
      </c>
      <c r="F59" s="14" t="s">
        <v>94</v>
      </c>
      <c r="G59" s="33"/>
      <c r="H59" s="24"/>
    </row>
    <row r="60" spans="2:9" x14ac:dyDescent="0.2">
      <c r="B60" s="18">
        <f t="shared" si="1"/>
        <v>47</v>
      </c>
      <c r="C60" s="12"/>
      <c r="D60" s="13"/>
      <c r="E60" s="14" t="s">
        <v>95</v>
      </c>
      <c r="F60" s="14" t="s">
        <v>96</v>
      </c>
      <c r="G60" s="33"/>
      <c r="H60" s="24"/>
    </row>
    <row r="61" spans="2:9" x14ac:dyDescent="0.2">
      <c r="B61" s="18">
        <f t="shared" si="1"/>
        <v>48</v>
      </c>
      <c r="C61" s="12"/>
      <c r="D61" s="13"/>
      <c r="E61" s="14" t="s">
        <v>97</v>
      </c>
      <c r="F61" s="14" t="s">
        <v>98</v>
      </c>
      <c r="G61" s="32"/>
      <c r="H61" s="25"/>
    </row>
    <row r="62" spans="2:9" hidden="1" x14ac:dyDescent="0.2">
      <c r="B62" s="19"/>
      <c r="C62" s="12"/>
      <c r="D62" s="13"/>
      <c r="E62" s="14"/>
      <c r="F62" s="14"/>
      <c r="G62" s="13"/>
      <c r="H62" s="13"/>
    </row>
    <row r="63" spans="2:9" x14ac:dyDescent="0.2">
      <c r="B63" s="18">
        <f>B61+1</f>
        <v>49</v>
      </c>
      <c r="C63" s="13"/>
      <c r="D63" s="13"/>
      <c r="E63" s="10" t="s">
        <v>100</v>
      </c>
      <c r="F63" s="10" t="s">
        <v>101</v>
      </c>
      <c r="G63" s="31">
        <v>6114520020070</v>
      </c>
      <c r="H63" s="23" t="s">
        <v>99</v>
      </c>
    </row>
    <row r="64" spans="2:9" x14ac:dyDescent="0.2">
      <c r="B64" s="18">
        <f>B63+1</f>
        <v>50</v>
      </c>
      <c r="C64" s="12"/>
      <c r="D64" s="13"/>
      <c r="E64" s="14" t="s">
        <v>102</v>
      </c>
      <c r="F64" s="14" t="s">
        <v>103</v>
      </c>
      <c r="G64" s="33"/>
      <c r="H64" s="24"/>
    </row>
    <row r="65" spans="2:8" x14ac:dyDescent="0.2">
      <c r="B65" s="18">
        <f t="shared" ref="B65:B67" si="2">B64+1</f>
        <v>51</v>
      </c>
      <c r="C65" s="12"/>
      <c r="D65" s="13"/>
      <c r="E65" s="10" t="s">
        <v>104</v>
      </c>
      <c r="F65" s="10" t="s">
        <v>105</v>
      </c>
      <c r="G65" s="33"/>
      <c r="H65" s="24"/>
    </row>
    <row r="66" spans="2:8" x14ac:dyDescent="0.2">
      <c r="B66" s="18">
        <f t="shared" si="2"/>
        <v>52</v>
      </c>
      <c r="C66" s="12"/>
      <c r="D66" s="13"/>
      <c r="E66" s="17" t="s">
        <v>106</v>
      </c>
      <c r="F66" s="17" t="s">
        <v>107</v>
      </c>
      <c r="G66" s="33"/>
      <c r="H66" s="24"/>
    </row>
    <row r="67" spans="2:8" x14ac:dyDescent="0.2">
      <c r="B67" s="18">
        <f t="shared" si="2"/>
        <v>53</v>
      </c>
      <c r="C67" s="12"/>
      <c r="D67" s="13"/>
      <c r="E67" s="17" t="s">
        <v>108</v>
      </c>
      <c r="F67" s="17" t="s">
        <v>109</v>
      </c>
      <c r="G67" s="32"/>
      <c r="H67" s="25"/>
    </row>
    <row r="68" spans="2:8" hidden="1" x14ac:dyDescent="0.2">
      <c r="B68" s="18"/>
      <c r="C68" s="12"/>
      <c r="D68" s="13"/>
      <c r="E68" s="13"/>
      <c r="F68" s="13"/>
      <c r="G68" s="13"/>
      <c r="H68" s="13"/>
    </row>
    <row r="69" spans="2:8" x14ac:dyDescent="0.2">
      <c r="B69" s="18">
        <f>B67+1</f>
        <v>54</v>
      </c>
      <c r="C69" s="13"/>
      <c r="D69" s="13"/>
      <c r="E69" s="14" t="s">
        <v>111</v>
      </c>
      <c r="F69" s="14" t="s">
        <v>112</v>
      </c>
      <c r="G69" s="31">
        <v>6114500010050</v>
      </c>
      <c r="H69" s="23" t="s">
        <v>110</v>
      </c>
    </row>
    <row r="70" spans="2:8" x14ac:dyDescent="0.2">
      <c r="B70" s="18">
        <f>B69+1</f>
        <v>55</v>
      </c>
      <c r="C70" s="12"/>
      <c r="D70" s="13"/>
      <c r="E70" s="14" t="s">
        <v>113</v>
      </c>
      <c r="F70" s="14" t="s">
        <v>114</v>
      </c>
      <c r="G70" s="33"/>
      <c r="H70" s="24"/>
    </row>
    <row r="71" spans="2:8" x14ac:dyDescent="0.2">
      <c r="B71" s="18">
        <f t="shared" ref="B71:B76" si="3">B70+1</f>
        <v>56</v>
      </c>
      <c r="C71" s="12"/>
      <c r="D71" s="13"/>
      <c r="E71" s="14" t="s">
        <v>115</v>
      </c>
      <c r="F71" s="14" t="s">
        <v>116</v>
      </c>
      <c r="G71" s="33"/>
      <c r="H71" s="24"/>
    </row>
    <row r="72" spans="2:8" x14ac:dyDescent="0.2">
      <c r="B72" s="18">
        <f t="shared" si="3"/>
        <v>57</v>
      </c>
      <c r="C72" s="12"/>
      <c r="D72" s="13"/>
      <c r="E72" s="14" t="s">
        <v>117</v>
      </c>
      <c r="F72" s="14" t="s">
        <v>118</v>
      </c>
      <c r="G72" s="33"/>
      <c r="H72" s="24"/>
    </row>
    <row r="73" spans="2:8" x14ac:dyDescent="0.2">
      <c r="B73" s="18">
        <f t="shared" si="3"/>
        <v>58</v>
      </c>
      <c r="C73" s="12"/>
      <c r="D73" s="13"/>
      <c r="E73" s="10" t="s">
        <v>119</v>
      </c>
      <c r="F73" s="10" t="s">
        <v>120</v>
      </c>
      <c r="G73" s="33"/>
      <c r="H73" s="24"/>
    </row>
    <row r="74" spans="2:8" x14ac:dyDescent="0.2">
      <c r="B74" s="18">
        <f t="shared" si="3"/>
        <v>59</v>
      </c>
      <c r="C74" s="12"/>
      <c r="D74" s="13"/>
      <c r="E74" s="10" t="s">
        <v>121</v>
      </c>
      <c r="F74" s="10" t="s">
        <v>122</v>
      </c>
      <c r="G74" s="33"/>
      <c r="H74" s="24"/>
    </row>
    <row r="75" spans="2:8" x14ac:dyDescent="0.2">
      <c r="B75" s="18">
        <f t="shared" si="3"/>
        <v>60</v>
      </c>
      <c r="C75" s="12"/>
      <c r="D75" s="13"/>
      <c r="E75" s="10" t="s">
        <v>123</v>
      </c>
      <c r="F75" s="10" t="s">
        <v>55</v>
      </c>
      <c r="G75" s="32"/>
      <c r="H75" s="25"/>
    </row>
    <row r="76" spans="2:8" hidden="1" x14ac:dyDescent="0.2">
      <c r="B76" s="18" t="s">
        <v>158</v>
      </c>
      <c r="C76" s="12"/>
      <c r="D76" s="13"/>
      <c r="E76" s="13"/>
      <c r="F76" s="13"/>
      <c r="G76" s="13"/>
      <c r="H76" s="13"/>
    </row>
    <row r="77" spans="2:8" x14ac:dyDescent="0.2">
      <c r="B77" s="18">
        <f>B75+1</f>
        <v>61</v>
      </c>
      <c r="C77" s="13"/>
      <c r="D77" s="13"/>
      <c r="E77" s="10" t="s">
        <v>125</v>
      </c>
      <c r="F77" s="10" t="s">
        <v>126</v>
      </c>
      <c r="G77" s="31">
        <v>6114520020060</v>
      </c>
      <c r="H77" s="23" t="s">
        <v>124</v>
      </c>
    </row>
    <row r="78" spans="2:8" x14ac:dyDescent="0.2">
      <c r="B78" s="18">
        <f>B77+1</f>
        <v>62</v>
      </c>
      <c r="C78" s="12"/>
      <c r="D78" s="13"/>
      <c r="E78" s="10" t="s">
        <v>127</v>
      </c>
      <c r="F78" s="10" t="s">
        <v>128</v>
      </c>
      <c r="G78" s="33"/>
      <c r="H78" s="24"/>
    </row>
    <row r="79" spans="2:8" x14ac:dyDescent="0.2">
      <c r="B79" s="18">
        <f t="shared" ref="B79:B85" si="4">B78+1</f>
        <v>63</v>
      </c>
      <c r="C79" s="12"/>
      <c r="D79" s="13"/>
      <c r="E79" s="10" t="s">
        <v>129</v>
      </c>
      <c r="F79" s="10" t="s">
        <v>130</v>
      </c>
      <c r="G79" s="33"/>
      <c r="H79" s="24"/>
    </row>
    <row r="80" spans="2:8" x14ac:dyDescent="0.2">
      <c r="B80" s="18">
        <f t="shared" si="4"/>
        <v>64</v>
      </c>
      <c r="C80" s="12"/>
      <c r="D80" s="13"/>
      <c r="E80" s="10" t="s">
        <v>131</v>
      </c>
      <c r="F80" s="10" t="s">
        <v>132</v>
      </c>
      <c r="G80" s="33"/>
      <c r="H80" s="24"/>
    </row>
    <row r="81" spans="2:8" x14ac:dyDescent="0.2">
      <c r="B81" s="18">
        <f t="shared" si="4"/>
        <v>65</v>
      </c>
      <c r="C81" s="12"/>
      <c r="D81" s="13"/>
      <c r="E81" s="10" t="s">
        <v>133</v>
      </c>
      <c r="F81" s="10" t="s">
        <v>134</v>
      </c>
      <c r="G81" s="33"/>
      <c r="H81" s="24"/>
    </row>
    <row r="82" spans="2:8" x14ac:dyDescent="0.2">
      <c r="B82" s="18">
        <f t="shared" si="4"/>
        <v>66</v>
      </c>
      <c r="C82" s="12"/>
      <c r="D82" s="13"/>
      <c r="E82" s="10" t="s">
        <v>156</v>
      </c>
      <c r="F82" s="10" t="s">
        <v>157</v>
      </c>
      <c r="G82" s="33"/>
      <c r="H82" s="24"/>
    </row>
    <row r="83" spans="2:8" x14ac:dyDescent="0.2">
      <c r="B83" s="18">
        <f t="shared" si="4"/>
        <v>67</v>
      </c>
      <c r="C83" s="12"/>
      <c r="D83" s="13"/>
      <c r="E83" s="10" t="s">
        <v>135</v>
      </c>
      <c r="F83" s="10" t="s">
        <v>136</v>
      </c>
      <c r="G83" s="33"/>
      <c r="H83" s="24"/>
    </row>
    <row r="84" spans="2:8" x14ac:dyDescent="0.2">
      <c r="B84" s="18">
        <f t="shared" si="4"/>
        <v>68</v>
      </c>
      <c r="C84" s="12"/>
      <c r="D84" s="13"/>
      <c r="E84" s="10" t="s">
        <v>137</v>
      </c>
      <c r="F84" s="10" t="s">
        <v>138</v>
      </c>
      <c r="G84" s="32"/>
      <c r="H84" s="25"/>
    </row>
    <row r="85" spans="2:8" hidden="1" x14ac:dyDescent="0.2">
      <c r="B85" s="18" t="s">
        <v>158</v>
      </c>
      <c r="C85" s="12"/>
      <c r="D85" s="13"/>
      <c r="E85" s="13"/>
      <c r="F85" s="13"/>
      <c r="G85" s="13"/>
      <c r="H85" s="13"/>
    </row>
    <row r="86" spans="2:8" x14ac:dyDescent="0.2">
      <c r="B86" s="18">
        <f>B84+1</f>
        <v>69</v>
      </c>
      <c r="C86" s="13"/>
      <c r="D86" s="13"/>
      <c r="E86" s="10" t="s">
        <v>140</v>
      </c>
      <c r="F86" s="10" t="s">
        <v>141</v>
      </c>
      <c r="G86" s="11">
        <v>6114520020070</v>
      </c>
      <c r="H86" s="10" t="s">
        <v>139</v>
      </c>
    </row>
    <row r="87" spans="2:8" hidden="1" x14ac:dyDescent="0.2">
      <c r="B87" s="18"/>
      <c r="C87" s="11"/>
      <c r="D87" s="10"/>
      <c r="E87" s="10"/>
      <c r="F87" s="10"/>
      <c r="G87" s="13"/>
      <c r="H87" s="13"/>
    </row>
    <row r="88" spans="2:8" x14ac:dyDescent="0.2">
      <c r="B88" s="26">
        <f>B86+1</f>
        <v>70</v>
      </c>
      <c r="C88" s="13"/>
      <c r="D88" s="13"/>
      <c r="E88" s="23" t="s">
        <v>142</v>
      </c>
      <c r="F88" s="23" t="s">
        <v>143</v>
      </c>
      <c r="G88" s="11">
        <v>6114520020080</v>
      </c>
      <c r="H88" s="10" t="s">
        <v>139</v>
      </c>
    </row>
    <row r="89" spans="2:8" x14ac:dyDescent="0.2">
      <c r="B89" s="28"/>
      <c r="C89" s="12"/>
      <c r="D89" s="13"/>
      <c r="E89" s="25"/>
      <c r="F89" s="25"/>
      <c r="G89" s="11">
        <v>6112350010010</v>
      </c>
      <c r="H89" s="10" t="s">
        <v>147</v>
      </c>
    </row>
    <row r="90" spans="2:8" hidden="1" x14ac:dyDescent="0.2">
      <c r="B90" s="18"/>
      <c r="C90" s="12"/>
      <c r="D90" s="13"/>
      <c r="E90" s="13"/>
      <c r="F90" s="13"/>
      <c r="G90" s="11"/>
      <c r="H90" s="10"/>
    </row>
    <row r="91" spans="2:8" x14ac:dyDescent="0.2">
      <c r="B91" s="18">
        <f>B88+1</f>
        <v>71</v>
      </c>
      <c r="C91" s="13"/>
      <c r="D91" s="13"/>
      <c r="E91" s="10" t="s">
        <v>145</v>
      </c>
      <c r="F91" s="10" t="s">
        <v>146</v>
      </c>
      <c r="G91" s="11">
        <v>6114520020050</v>
      </c>
      <c r="H91" s="10" t="s">
        <v>144</v>
      </c>
    </row>
    <row r="92" spans="2:8" hidden="1" x14ac:dyDescent="0.2">
      <c r="B92" s="18"/>
      <c r="C92" s="12"/>
      <c r="D92" s="13"/>
      <c r="E92" s="13"/>
      <c r="F92" s="13"/>
      <c r="G92" s="13"/>
      <c r="H92" s="13"/>
    </row>
    <row r="93" spans="2:8" x14ac:dyDescent="0.2">
      <c r="B93" s="18">
        <f>B91+1</f>
        <v>72</v>
      </c>
      <c r="C93" s="12"/>
      <c r="D93" s="13"/>
      <c r="E93" s="10" t="s">
        <v>148</v>
      </c>
      <c r="F93" s="10" t="s">
        <v>149</v>
      </c>
      <c r="G93" s="31">
        <v>6112350010010</v>
      </c>
      <c r="H93" s="23" t="s">
        <v>147</v>
      </c>
    </row>
    <row r="94" spans="2:8" x14ac:dyDescent="0.2">
      <c r="B94" s="18">
        <f>B93+1</f>
        <v>73</v>
      </c>
      <c r="C94" s="12"/>
      <c r="D94" s="13"/>
      <c r="E94" s="10" t="s">
        <v>150</v>
      </c>
      <c r="F94" s="10" t="s">
        <v>151</v>
      </c>
      <c r="G94" s="33"/>
      <c r="H94" s="24"/>
    </row>
    <row r="95" spans="2:8" x14ac:dyDescent="0.2">
      <c r="B95" s="18">
        <f t="shared" ref="B95:B96" si="5">B94+1</f>
        <v>74</v>
      </c>
      <c r="C95" s="12"/>
      <c r="D95" s="13"/>
      <c r="E95" s="10" t="s">
        <v>152</v>
      </c>
      <c r="F95" s="10" t="s">
        <v>153</v>
      </c>
      <c r="G95" s="33"/>
      <c r="H95" s="24"/>
    </row>
    <row r="96" spans="2:8" x14ac:dyDescent="0.2">
      <c r="B96" s="18">
        <f t="shared" si="5"/>
        <v>75</v>
      </c>
      <c r="C96" s="12"/>
      <c r="D96" s="13"/>
      <c r="E96" s="17" t="s">
        <v>154</v>
      </c>
      <c r="F96" s="17" t="s">
        <v>155</v>
      </c>
      <c r="G96" s="32"/>
      <c r="H96" s="25"/>
    </row>
    <row r="97" spans="2:3" x14ac:dyDescent="0.2">
      <c r="B97" s="20"/>
      <c r="C97" s="3"/>
    </row>
    <row r="98" spans="2:3" x14ac:dyDescent="0.2">
      <c r="B98" s="21"/>
      <c r="C98" s="3"/>
    </row>
    <row r="99" spans="2:3" x14ac:dyDescent="0.2">
      <c r="C99" s="3"/>
    </row>
    <row r="100" spans="2:3" x14ac:dyDescent="0.2">
      <c r="C100" s="3"/>
    </row>
  </sheetData>
  <mergeCells count="30">
    <mergeCell ref="B88:B89"/>
    <mergeCell ref="H93:H96"/>
    <mergeCell ref="G93:G96"/>
    <mergeCell ref="H69:H75"/>
    <mergeCell ref="G69:G75"/>
    <mergeCell ref="H77:H84"/>
    <mergeCell ref="G77:G84"/>
    <mergeCell ref="F88:F89"/>
    <mergeCell ref="E88:E89"/>
    <mergeCell ref="H48:H51"/>
    <mergeCell ref="G48:G51"/>
    <mergeCell ref="H53:H61"/>
    <mergeCell ref="G53:G61"/>
    <mergeCell ref="H63:H67"/>
    <mergeCell ref="G63:G67"/>
    <mergeCell ref="H39:H40"/>
    <mergeCell ref="G39:G40"/>
    <mergeCell ref="F45:F46"/>
    <mergeCell ref="E45:E46"/>
    <mergeCell ref="B45:B46"/>
    <mergeCell ref="F42:F43"/>
    <mergeCell ref="E42:E43"/>
    <mergeCell ref="B42:B43"/>
    <mergeCell ref="B3:B5"/>
    <mergeCell ref="E3:E5"/>
    <mergeCell ref="F3:F5"/>
    <mergeCell ref="H7:H9"/>
    <mergeCell ref="G7:G9"/>
    <mergeCell ref="H13:H37"/>
    <mergeCell ref="G13:G37"/>
  </mergeCells>
  <pageMargins left="0.59055118110236227" right="0" top="0.39370078740157483" bottom="0.39370078740157483" header="0" footer="0.19685039370078741"/>
  <pageSetup paperSize="9" scale="78" orientation="portrait" r:id="rId1"/>
  <headerFooter alignWithMargins="0">
    <oddHeader>&amp;L&amp;G
&amp;R&amp;G</oddHeader>
    <oddFooter xml:space="preserve">&amp;L&amp;6&amp;A
&amp;D&amp;R&amp;6&amp;P (&amp;N)  
&amp;F </oddFooter>
  </headerFooter>
  <legacyDrawingHF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A85B17551307B4383D2980D4EFA5515" ma:contentTypeVersion="12" ma:contentTypeDescription="Skapa ett nytt dokument." ma:contentTypeScope="" ma:versionID="57aaa53a121281638ac8bc132f802243">
  <xsd:schema xmlns:xsd="http://www.w3.org/2001/XMLSchema" xmlns:xs="http://www.w3.org/2001/XMLSchema" xmlns:p="http://schemas.microsoft.com/office/2006/metadata/properties" xmlns:ns2="173d6b2f-59a8-488e-935d-67e78bda59e5" xmlns:ns3="b97dc65e-fe16-4df7-925c-ff3316bf7bf3" targetNamespace="http://schemas.microsoft.com/office/2006/metadata/properties" ma:root="true" ma:fieldsID="141727366efbfc4d0736cea1f099176a" ns2:_="" ns3:_="">
    <xsd:import namespace="173d6b2f-59a8-488e-935d-67e78bda59e5"/>
    <xsd:import namespace="b97dc65e-fe16-4df7-925c-ff3316bf7bf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73d6b2f-59a8-488e-935d-67e78bda59e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9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97dc65e-fe16-4df7-925c-ff3316bf7bf3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a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at med information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ehållstyp"/>
        <xsd:element ref="dc:title" minOccurs="0" maxOccurs="1" ma:index="4" ma:displayName="Rubrik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transformationConfigurations":[{"colorTheme":"{{DataSources.ColorThemes[\"Sweco\"].ColorTheme}}","disableUpdates":false,"type":"colorTheme"}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754B3D83-15E4-4B5F-8568-57884EBAF88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73d6b2f-59a8-488e-935d-67e78bda59e5"/>
    <ds:schemaRef ds:uri="b97dc65e-fe16-4df7-925c-ff3316bf7bf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B094B8C0-0888-4622-A87D-10D4D23C20D6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79BD3FF0-C90B-4BBB-AF14-2B7944CED71E}">
  <ds:schemaRefs>
    <ds:schemaRef ds:uri="http://schemas.microsoft.com/office/2006/metadata/properties"/>
    <ds:schemaRef ds:uri="http://purl.org/dc/terms/"/>
    <ds:schemaRef ds:uri="http://schemas.microsoft.com/office/2006/documentManagement/types"/>
    <ds:schemaRef ds:uri="http://schemas.microsoft.com/office/infopath/2007/PartnerControls"/>
    <ds:schemaRef ds:uri="173d6b2f-59a8-488e-935d-67e78bda59e5"/>
    <ds:schemaRef ds:uri="b97dc65e-fe16-4df7-925c-ff3316bf7bf3"/>
    <ds:schemaRef ds:uri="http://purl.org/dc/elements/1.1/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69C2894E-68C9-476D-803E-814AC6EBDDB7}">
  <ds:schemaRefs/>
</ds:datastoreItem>
</file>

<file path=customXml/itemProps5.xml><?xml version="1.0" encoding="utf-8"?>
<ds:datastoreItem xmlns:ds="http://schemas.openxmlformats.org/officeDocument/2006/customXml" ds:itemID="{DDDE50B2-2507-4A17-8842-A7EE7509094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2</vt:i4>
      </vt:variant>
      <vt:variant>
        <vt:lpstr>Named Ranges</vt:lpstr>
      </vt:variant>
      <vt:variant>
        <vt:i4>3</vt:i4>
      </vt:variant>
    </vt:vector>
  </HeadingPairs>
  <TitlesOfParts>
    <vt:vector size="5" baseType="lpstr">
      <vt:lpstr>MP-süsteem_Kinnistu</vt:lpstr>
      <vt:lpstr>Kinnistu_MP-süsteem</vt:lpstr>
      <vt:lpstr>'MP-süsteem_Kinnistu'!_Hlk204613098</vt:lpstr>
      <vt:lpstr>'Kinnistu_MP-süsteem'!_Hlk204613403</vt:lpstr>
      <vt:lpstr>'MP-süsteem_Kinnistu'!_Hlk204613403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/>
  <dcterms:created xsi:type="dcterms:W3CDTF">2024-11-14T15:24:38Z</dcterms:created>
  <dcterms:modified xsi:type="dcterms:W3CDTF">2025-07-29T09:28:35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weco_Language">
    <vt:lpwstr>SV</vt:lpwstr>
  </property>
  <property fmtid="{D5CDD505-2E9C-101B-9397-08002B2CF9AE}" pid="3" name="Sweco_CompanyNo">
    <vt:lpwstr>101</vt:lpwstr>
  </property>
  <property fmtid="{D5CDD505-2E9C-101B-9397-08002B2CF9AE}" pid="4" name="ContentTypeId">
    <vt:lpwstr>0x01010049C2E59078A8C04BAF056C4289135297</vt:lpwstr>
  </property>
  <property fmtid="{D5CDD505-2E9C-101B-9397-08002B2CF9AE}" pid="5" name="MSIP_Label_43f08ec5-d6d9-4227-8387-ccbfcb3632c4_Enabled">
    <vt:lpwstr>true</vt:lpwstr>
  </property>
  <property fmtid="{D5CDD505-2E9C-101B-9397-08002B2CF9AE}" pid="6" name="MSIP_Label_43f08ec5-d6d9-4227-8387-ccbfcb3632c4_ActionId">
    <vt:lpwstr>6f48d779-09bb-446c-b0b6-7912ac56a1d3</vt:lpwstr>
  </property>
  <property fmtid="{D5CDD505-2E9C-101B-9397-08002B2CF9AE}" pid="7" name="MSIP_Label_43f08ec5-d6d9-4227-8387-ccbfcb3632c4_Name">
    <vt:lpwstr>Sweco Restricted</vt:lpwstr>
  </property>
  <property fmtid="{D5CDD505-2E9C-101B-9397-08002B2CF9AE}" pid="8" name="MSIP_Label_43f08ec5-d6d9-4227-8387-ccbfcb3632c4_ContentBits">
    <vt:lpwstr>0</vt:lpwstr>
  </property>
  <property fmtid="{D5CDD505-2E9C-101B-9397-08002B2CF9AE}" pid="9" name="MSIP_Label_43f08ec5-d6d9-4227-8387-ccbfcb3632c4_SetDate">
    <vt:lpwstr>2021-09-10T20:13:53Z</vt:lpwstr>
  </property>
  <property fmtid="{D5CDD505-2E9C-101B-9397-08002B2CF9AE}" pid="10" name="MSIP_Label_43f08ec5-d6d9-4227-8387-ccbfcb3632c4_SiteId">
    <vt:lpwstr>b7872ef0-9a00-4c18-8a4a-c7d25c778a9e</vt:lpwstr>
  </property>
  <property fmtid="{D5CDD505-2E9C-101B-9397-08002B2CF9AE}" pid="11" name="MSIP_Label_43f08ec5-d6d9-4227-8387-ccbfcb3632c4_Method">
    <vt:lpwstr>Standard</vt:lpwstr>
  </property>
  <property fmtid="{D5CDD505-2E9C-101B-9397-08002B2CF9AE}" pid="12" name="MSIP_Label_459ef8e5-3aaa-41a0-b30c-a77b6f506147_Enabled">
    <vt:lpwstr>true</vt:lpwstr>
  </property>
  <property fmtid="{D5CDD505-2E9C-101B-9397-08002B2CF9AE}" pid="13" name="MSIP_Label_459ef8e5-3aaa-41a0-b30c-a77b6f506147_SetDate">
    <vt:lpwstr>2024-01-18T13:55:15Z</vt:lpwstr>
  </property>
  <property fmtid="{D5CDD505-2E9C-101B-9397-08002B2CF9AE}" pid="14" name="MSIP_Label_459ef8e5-3aaa-41a0-b30c-a77b6f506147_Method">
    <vt:lpwstr>Standard</vt:lpwstr>
  </property>
  <property fmtid="{D5CDD505-2E9C-101B-9397-08002B2CF9AE}" pid="15" name="MSIP_Label_459ef8e5-3aaa-41a0-b30c-a77b6f506147_Name">
    <vt:lpwstr>Internal</vt:lpwstr>
  </property>
  <property fmtid="{D5CDD505-2E9C-101B-9397-08002B2CF9AE}" pid="16" name="MSIP_Label_459ef8e5-3aaa-41a0-b30c-a77b6f506147_SiteId">
    <vt:lpwstr>9343c96b-27bb-4092-add6-977870612481</vt:lpwstr>
  </property>
  <property fmtid="{D5CDD505-2E9C-101B-9397-08002B2CF9AE}" pid="17" name="MSIP_Label_459ef8e5-3aaa-41a0-b30c-a77b6f506147_ActionId">
    <vt:lpwstr>32c4f577-6183-4b47-912c-9229140068d7</vt:lpwstr>
  </property>
  <property fmtid="{D5CDD505-2E9C-101B-9397-08002B2CF9AE}" pid="18" name="MSIP_Label_459ef8e5-3aaa-41a0-b30c-a77b6f506147_ContentBits">
    <vt:lpwstr>0</vt:lpwstr>
  </property>
  <property fmtid="{D5CDD505-2E9C-101B-9397-08002B2CF9AE}" pid="19" name="TemplafyTenantId">
    <vt:lpwstr>sweco</vt:lpwstr>
  </property>
  <property fmtid="{D5CDD505-2E9C-101B-9397-08002B2CF9AE}" pid="20" name="TemplafyTemplateId">
    <vt:lpwstr>1046739150626357545</vt:lpwstr>
  </property>
  <property fmtid="{D5CDD505-2E9C-101B-9397-08002B2CF9AE}" pid="21" name="TemplafyUserProfileId">
    <vt:lpwstr>637994337998403824</vt:lpwstr>
  </property>
  <property fmtid="{D5CDD505-2E9C-101B-9397-08002B2CF9AE}" pid="22" name="TemplafyLanguageCode">
    <vt:lpwstr>et-EE</vt:lpwstr>
  </property>
  <property fmtid="{D5CDD505-2E9C-101B-9397-08002B2CF9AE}" pid="23" name="TemplafyFromBlank">
    <vt:bool>true</vt:bool>
  </property>
</Properties>
</file>